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embedTrueTypeFonts="1" saveSubsetFonts="1" autoCompressPictures="0">
  <p:sldMasterIdLst>
    <p:sldMasterId id="2147483669" r:id="rId1"/>
  </p:sldMasterIdLst>
  <p:notesMasterIdLst>
    <p:notesMasterId r:id="rId26"/>
  </p:notesMasterIdLst>
  <p:sldIdLst>
    <p:sldId id="256" r:id="rId2"/>
    <p:sldId id="258" r:id="rId3"/>
    <p:sldId id="263" r:id="rId4"/>
    <p:sldId id="325" r:id="rId5"/>
    <p:sldId id="326" r:id="rId6"/>
    <p:sldId id="304" r:id="rId7"/>
    <p:sldId id="299" r:id="rId8"/>
    <p:sldId id="328" r:id="rId9"/>
    <p:sldId id="327" r:id="rId10"/>
    <p:sldId id="322" r:id="rId11"/>
    <p:sldId id="296" r:id="rId12"/>
    <p:sldId id="310" r:id="rId13"/>
    <p:sldId id="317" r:id="rId14"/>
    <p:sldId id="309" r:id="rId15"/>
    <p:sldId id="323" r:id="rId16"/>
    <p:sldId id="329" r:id="rId17"/>
    <p:sldId id="297" r:id="rId18"/>
    <p:sldId id="306" r:id="rId19"/>
    <p:sldId id="313" r:id="rId20"/>
    <p:sldId id="314" r:id="rId21"/>
    <p:sldId id="315" r:id="rId22"/>
    <p:sldId id="312" r:id="rId23"/>
    <p:sldId id="316" r:id="rId24"/>
    <p:sldId id="303" r:id="rId25"/>
  </p:sldIdLst>
  <p:sldSz cx="9144000" cy="5143500" type="screen16x9"/>
  <p:notesSz cx="6858000" cy="9144000"/>
  <p:embeddedFontLst>
    <p:embeddedFont>
      <p:font typeface="Advent Pro Medium" panose="020B0604020202020204" charset="0"/>
      <p:regular r:id="rId27"/>
      <p:bold r:id="rId28"/>
    </p:embeddedFont>
    <p:embeddedFont>
      <p:font typeface="Advent Pro SemiBold" panose="020B0604020202020204" charset="0"/>
      <p:regular r:id="rId29"/>
      <p:bold r:id="rId30"/>
    </p:embeddedFont>
    <p:embeddedFont>
      <p:font typeface="Calibri" panose="020F0502020204030204" pitchFamily="34" charset="0"/>
      <p:regular r:id="rId31"/>
      <p:bold r:id="rId32"/>
      <p:italic r:id="rId33"/>
      <p:boldItalic r:id="rId34"/>
    </p:embeddedFont>
    <p:embeddedFont>
      <p:font typeface="Fira Sans Condensed Medium" panose="020B0603050000020004" pitchFamily="34" charset="0"/>
      <p:regular r:id="rId35"/>
      <p:italic r:id="rId36"/>
    </p:embeddedFont>
  </p:embeddedFontLst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FUNG, Ka Chun Tim [Student]" initials="F[" lastIdx="1" clrIdx="0">
    <p:extLst>
      <p:ext uri="{19B8F6BF-5375-455C-9EA6-DF929625EA0E}">
        <p15:presenceInfo xmlns:p15="http://schemas.microsoft.com/office/powerpoint/2012/main" userId="S::18059161d@connect.polyu.hk::59ec9a4b-e42f-4c79-9d8e-09d547616725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6699"/>
    <a:srgbClr val="FCFAF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A881693A-73F5-766E-4BFC-86C038E1429B}" v="9" dt="2021-12-16T06:01:56.716"/>
  </p1510:revLst>
</p1510:revInfo>
</file>

<file path=ppt/tableStyles.xml><?xml version="1.0" encoding="utf-8"?>
<a:tblStyleLst xmlns:a="http://schemas.openxmlformats.org/drawingml/2006/main" def="{7ED6AE44-51F6-49A1-98DC-89E811A0AA68}">
  <a:tblStyle styleId="{7ED6AE44-51F6-49A1-98DC-89E811A0AA68}" styleName="Table_0">
    <a:wholeTbl>
      <a:tcTxStyle>
        <a:font>
          <a:latin typeface="Arial"/>
          <a:ea typeface="Arial"/>
          <a:cs typeface="Arial"/>
        </a:font>
        <a:srgbClr val="000000"/>
      </a:tcTxStyle>
      <a:tcStyle>
        <a:tcBdr>
          <a:left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insideV>
        </a:tcBdr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97" d="100"/>
          <a:sy n="97" d="100"/>
        </p:scale>
        <p:origin x="250" y="5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notesMaster" Target="notesMasters/notesMaster1.xml"/><Relationship Id="rId39" Type="http://schemas.openxmlformats.org/officeDocument/2006/relationships/viewProps" Target="viewProps.xml"/><Relationship Id="rId21" Type="http://schemas.openxmlformats.org/officeDocument/2006/relationships/slide" Target="slides/slide20.xml"/><Relationship Id="rId34" Type="http://schemas.openxmlformats.org/officeDocument/2006/relationships/font" Target="fonts/font8.fntdata"/><Relationship Id="rId42" Type="http://schemas.microsoft.com/office/2016/11/relationships/changesInfo" Target="changesInfos/changesInfo1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3.fntdata"/><Relationship Id="rId41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font" Target="fonts/font6.fntdata"/><Relationship Id="rId37" Type="http://schemas.openxmlformats.org/officeDocument/2006/relationships/commentAuthors" Target="commentAuthors.xml"/><Relationship Id="rId40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font" Target="fonts/font2.fntdata"/><Relationship Id="rId36" Type="http://schemas.openxmlformats.org/officeDocument/2006/relationships/font" Target="fonts/font10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5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1.fntdata"/><Relationship Id="rId30" Type="http://schemas.openxmlformats.org/officeDocument/2006/relationships/font" Target="fonts/font4.fntdata"/><Relationship Id="rId35" Type="http://schemas.openxmlformats.org/officeDocument/2006/relationships/font" Target="fonts/font9.fntdata"/><Relationship Id="rId43" Type="http://schemas.microsoft.com/office/2015/10/relationships/revisionInfo" Target="revisionInfo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font" Target="fonts/font7.fntdata"/><Relationship Id="rId38" Type="http://schemas.openxmlformats.org/officeDocument/2006/relationships/presProps" Target="pres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CHEUNG, Hiu Ching Athena [Student]" userId="S::18049261d@connect.polyu.hk::03cc0922-5853-4d01-aac9-cbffaf26e9d9" providerId="AD" clId="Web-{261E3C8F-F401-E996-39BD-6A772119A7E2}"/>
    <pc:docChg chg="modSld">
      <pc:chgData name="CHEUNG, Hiu Ching Athena [Student]" userId="S::18049261d@connect.polyu.hk::03cc0922-5853-4d01-aac9-cbffaf26e9d9" providerId="AD" clId="Web-{261E3C8F-F401-E996-39BD-6A772119A7E2}" dt="2021-10-29T11:44:04.461" v="34" actId="20577"/>
      <pc:docMkLst>
        <pc:docMk/>
      </pc:docMkLst>
      <pc:sldChg chg="modSp">
        <pc:chgData name="CHEUNG, Hiu Ching Athena [Student]" userId="S::18049261d@connect.polyu.hk::03cc0922-5853-4d01-aac9-cbffaf26e9d9" providerId="AD" clId="Web-{261E3C8F-F401-E996-39BD-6A772119A7E2}" dt="2021-10-29T11:44:04.461" v="34" actId="20577"/>
        <pc:sldMkLst>
          <pc:docMk/>
          <pc:sldMk cId="2876942652" sldId="306"/>
        </pc:sldMkLst>
        <pc:spChg chg="mod">
          <ac:chgData name="CHEUNG, Hiu Ching Athena [Student]" userId="S::18049261d@connect.polyu.hk::03cc0922-5853-4d01-aac9-cbffaf26e9d9" providerId="AD" clId="Web-{261E3C8F-F401-E996-39BD-6A772119A7E2}" dt="2021-10-29T11:44:04.461" v="34" actId="20577"/>
          <ac:spMkLst>
            <pc:docMk/>
            <pc:sldMk cId="2876942652" sldId="306"/>
            <ac:spMk id="2" creationId="{A86B5722-A690-4353-AA7F-2A6234B4A6E3}"/>
          </ac:spMkLst>
        </pc:spChg>
      </pc:sldChg>
    </pc:docChg>
  </pc:docChgLst>
  <pc:docChgLst>
    <pc:chgData name="FUNG, Ka Chun Tim [Student]" userId="S::18059161d@connect.polyu.hk::59ec9a4b-e42f-4c79-9d8e-09d547616725" providerId="AD" clId="Web-{B7F830E4-A7E2-AECA-F547-A6541E0E0193}"/>
    <pc:docChg chg="modSld">
      <pc:chgData name="FUNG, Ka Chun Tim [Student]" userId="S::18059161d@connect.polyu.hk::59ec9a4b-e42f-4c79-9d8e-09d547616725" providerId="AD" clId="Web-{B7F830E4-A7E2-AECA-F547-A6541E0E0193}" dt="2021-10-30T13:47:53.036" v="62" actId="1076"/>
      <pc:docMkLst>
        <pc:docMk/>
      </pc:docMkLst>
      <pc:sldChg chg="modSp">
        <pc:chgData name="FUNG, Ka Chun Tim [Student]" userId="S::18059161d@connect.polyu.hk::59ec9a4b-e42f-4c79-9d8e-09d547616725" providerId="AD" clId="Web-{B7F830E4-A7E2-AECA-F547-A6541E0E0193}" dt="2021-10-30T13:47:53.036" v="62" actId="1076"/>
        <pc:sldMkLst>
          <pc:docMk/>
          <pc:sldMk cId="3676948722" sldId="309"/>
        </pc:sldMkLst>
        <pc:graphicFrameChg chg="mod modGraphic">
          <ac:chgData name="FUNG, Ka Chun Tim [Student]" userId="S::18059161d@connect.polyu.hk::59ec9a4b-e42f-4c79-9d8e-09d547616725" providerId="AD" clId="Web-{B7F830E4-A7E2-AECA-F547-A6541E0E0193}" dt="2021-10-30T13:47:42.660" v="61"/>
          <ac:graphicFrameMkLst>
            <pc:docMk/>
            <pc:sldMk cId="3676948722" sldId="309"/>
            <ac:graphicFrameMk id="2" creationId="{BDF47525-78B1-48E8-A41E-D2E22CF5BEB2}"/>
          </ac:graphicFrameMkLst>
        </pc:graphicFrameChg>
        <pc:cxnChg chg="mod">
          <ac:chgData name="FUNG, Ka Chun Tim [Student]" userId="S::18059161d@connect.polyu.hk::59ec9a4b-e42f-4c79-9d8e-09d547616725" providerId="AD" clId="Web-{B7F830E4-A7E2-AECA-F547-A6541E0E0193}" dt="2021-10-30T13:47:53.036" v="62" actId="1076"/>
          <ac:cxnSpMkLst>
            <pc:docMk/>
            <pc:sldMk cId="3676948722" sldId="309"/>
            <ac:cxnSpMk id="5" creationId="{3D722816-D3C6-40D3-83A4-F0BFE6B220B1}"/>
          </ac:cxnSpMkLst>
        </pc:cxnChg>
      </pc:sldChg>
    </pc:docChg>
  </pc:docChgLst>
  <pc:docChgLst>
    <pc:chgData name="CHEUNG, Hiu Ching Athena [Student]" userId="S::18049261d@connect.polyu.hk::03cc0922-5853-4d01-aac9-cbffaf26e9d9" providerId="AD" clId="Web-{9B3DB0AA-56CD-6D18-D3FB-5E610D28C327}"/>
    <pc:docChg chg="modSld">
      <pc:chgData name="CHEUNG, Hiu Ching Athena [Student]" userId="S::18049261d@connect.polyu.hk::03cc0922-5853-4d01-aac9-cbffaf26e9d9" providerId="AD" clId="Web-{9B3DB0AA-56CD-6D18-D3FB-5E610D28C327}" dt="2021-08-11T03:11:51.600" v="2" actId="20577"/>
      <pc:docMkLst>
        <pc:docMk/>
      </pc:docMkLst>
      <pc:sldChg chg="modSp">
        <pc:chgData name="CHEUNG, Hiu Ching Athena [Student]" userId="S::18049261d@connect.polyu.hk::03cc0922-5853-4d01-aac9-cbffaf26e9d9" providerId="AD" clId="Web-{9B3DB0AA-56CD-6D18-D3FB-5E610D28C327}" dt="2021-08-11T03:11:51.600" v="2" actId="20577"/>
        <pc:sldMkLst>
          <pc:docMk/>
          <pc:sldMk cId="0" sldId="256"/>
        </pc:sldMkLst>
        <pc:spChg chg="mod">
          <ac:chgData name="CHEUNG, Hiu Ching Athena [Student]" userId="S::18049261d@connect.polyu.hk::03cc0922-5853-4d01-aac9-cbffaf26e9d9" providerId="AD" clId="Web-{9B3DB0AA-56CD-6D18-D3FB-5E610D28C327}" dt="2021-08-11T03:11:51.600" v="2" actId="20577"/>
          <ac:spMkLst>
            <pc:docMk/>
            <pc:sldMk cId="0" sldId="256"/>
            <ac:spMk id="190" creationId="{00000000-0000-0000-0000-000000000000}"/>
          </ac:spMkLst>
        </pc:spChg>
      </pc:sldChg>
    </pc:docChg>
  </pc:docChgLst>
  <pc:docChgLst>
    <pc:chgData name="FUNG, Ka Chun Tim [Student]" userId="S::18059161d@connect.polyu.hk::59ec9a4b-e42f-4c79-9d8e-09d547616725" providerId="AD" clId="Web-{63DB62A6-E09E-1027-E716-DA74ACCFB5D4}"/>
    <pc:docChg chg="modSld">
      <pc:chgData name="FUNG, Ka Chun Tim [Student]" userId="S::18059161d@connect.polyu.hk::59ec9a4b-e42f-4c79-9d8e-09d547616725" providerId="AD" clId="Web-{63DB62A6-E09E-1027-E716-DA74ACCFB5D4}" dt="2021-10-03T07:47:34.309" v="35" actId="1076"/>
      <pc:docMkLst>
        <pc:docMk/>
      </pc:docMkLst>
      <pc:sldChg chg="addSp delSp modSp">
        <pc:chgData name="FUNG, Ka Chun Tim [Student]" userId="S::18059161d@connect.polyu.hk::59ec9a4b-e42f-4c79-9d8e-09d547616725" providerId="AD" clId="Web-{63DB62A6-E09E-1027-E716-DA74ACCFB5D4}" dt="2021-10-03T07:47:34.309" v="35" actId="1076"/>
        <pc:sldMkLst>
          <pc:docMk/>
          <pc:sldMk cId="579860046" sldId="310"/>
        </pc:sldMkLst>
        <pc:picChg chg="add del mod modCrop">
          <ac:chgData name="FUNG, Ka Chun Tim [Student]" userId="S::18059161d@connect.polyu.hk::59ec9a4b-e42f-4c79-9d8e-09d547616725" providerId="AD" clId="Web-{63DB62A6-E09E-1027-E716-DA74ACCFB5D4}" dt="2021-10-03T07:42:40.606" v="6"/>
          <ac:picMkLst>
            <pc:docMk/>
            <pc:sldMk cId="579860046" sldId="310"/>
            <ac:picMk id="4" creationId="{156E2095-043A-4E05-B077-1503B2DE08D9}"/>
          </ac:picMkLst>
        </pc:picChg>
        <pc:picChg chg="add mod">
          <ac:chgData name="FUNG, Ka Chun Tim [Student]" userId="S::18059161d@connect.polyu.hk::59ec9a4b-e42f-4c79-9d8e-09d547616725" providerId="AD" clId="Web-{63DB62A6-E09E-1027-E716-DA74ACCFB5D4}" dt="2021-10-03T07:47:34.309" v="35" actId="1076"/>
          <ac:picMkLst>
            <pc:docMk/>
            <pc:sldMk cId="579860046" sldId="310"/>
            <ac:picMk id="5" creationId="{9D25B096-5440-4350-88CF-2DE56F6B75AF}"/>
          </ac:picMkLst>
        </pc:picChg>
      </pc:sldChg>
      <pc:sldChg chg="addSp modSp">
        <pc:chgData name="FUNG, Ka Chun Tim [Student]" userId="S::18059161d@connect.polyu.hk::59ec9a4b-e42f-4c79-9d8e-09d547616725" providerId="AD" clId="Web-{63DB62A6-E09E-1027-E716-DA74ACCFB5D4}" dt="2021-10-03T07:46:52.760" v="33" actId="20577"/>
        <pc:sldMkLst>
          <pc:docMk/>
          <pc:sldMk cId="57273043" sldId="317"/>
        </pc:sldMkLst>
        <pc:spChg chg="mod">
          <ac:chgData name="FUNG, Ka Chun Tim [Student]" userId="S::18059161d@connect.polyu.hk::59ec9a4b-e42f-4c79-9d8e-09d547616725" providerId="AD" clId="Web-{63DB62A6-E09E-1027-E716-DA74ACCFB5D4}" dt="2021-10-03T07:46:52.760" v="33" actId="20577"/>
          <ac:spMkLst>
            <pc:docMk/>
            <pc:sldMk cId="57273043" sldId="317"/>
            <ac:spMk id="7" creationId="{B34CC871-BDD7-425C-B3E7-84BDF0E829B7}"/>
          </ac:spMkLst>
        </pc:spChg>
        <pc:picChg chg="add mod">
          <ac:chgData name="FUNG, Ka Chun Tim [Student]" userId="S::18059161d@connect.polyu.hk::59ec9a4b-e42f-4c79-9d8e-09d547616725" providerId="AD" clId="Web-{63DB62A6-E09E-1027-E716-DA74ACCFB5D4}" dt="2021-10-03T07:46:45.697" v="29" actId="1076"/>
          <ac:picMkLst>
            <pc:docMk/>
            <pc:sldMk cId="57273043" sldId="317"/>
            <ac:picMk id="3" creationId="{79D3ECF6-71E2-4785-BE8E-BE6044FF9016}"/>
          </ac:picMkLst>
        </pc:picChg>
        <pc:picChg chg="add mod modCrop">
          <ac:chgData name="FUNG, Ka Chun Tim [Student]" userId="S::18059161d@connect.polyu.hk::59ec9a4b-e42f-4c79-9d8e-09d547616725" providerId="AD" clId="Web-{63DB62A6-E09E-1027-E716-DA74ACCFB5D4}" dt="2021-10-03T07:46:21.696" v="17" actId="1076"/>
          <ac:picMkLst>
            <pc:docMk/>
            <pc:sldMk cId="57273043" sldId="317"/>
            <ac:picMk id="4" creationId="{D39EE87B-2AEC-4276-BF83-0118FFC3919E}"/>
          </ac:picMkLst>
        </pc:picChg>
      </pc:sldChg>
    </pc:docChg>
  </pc:docChgLst>
  <pc:docChgLst>
    <pc:chgData name="LIU, SumYin [Student]" userId="249ac7fb-9f50-4d2f-a0f3-c92e4dbde324" providerId="ADAL" clId="{62B36EA3-35B4-A848-AF1E-72FA08BA87F9}"/>
    <pc:docChg chg="custSel addSld modSld">
      <pc:chgData name="LIU, SumYin [Student]" userId="249ac7fb-9f50-4d2f-a0f3-c92e4dbde324" providerId="ADAL" clId="{62B36EA3-35B4-A848-AF1E-72FA08BA87F9}" dt="2021-10-03T17:22:44.150" v="40" actId="14100"/>
      <pc:docMkLst>
        <pc:docMk/>
      </pc:docMkLst>
      <pc:sldChg chg="modSp mod">
        <pc:chgData name="LIU, SumYin [Student]" userId="249ac7fb-9f50-4d2f-a0f3-c92e4dbde324" providerId="ADAL" clId="{62B36EA3-35B4-A848-AF1E-72FA08BA87F9}" dt="2021-10-01T13:38:59.113" v="7" actId="20577"/>
        <pc:sldMkLst>
          <pc:docMk/>
          <pc:sldMk cId="579860046" sldId="310"/>
        </pc:sldMkLst>
        <pc:spChg chg="mod">
          <ac:chgData name="LIU, SumYin [Student]" userId="249ac7fb-9f50-4d2f-a0f3-c92e4dbde324" providerId="ADAL" clId="{62B36EA3-35B4-A848-AF1E-72FA08BA87F9}" dt="2021-10-01T13:38:59.113" v="7" actId="20577"/>
          <ac:spMkLst>
            <pc:docMk/>
            <pc:sldMk cId="579860046" sldId="310"/>
            <ac:spMk id="7" creationId="{B34CC871-BDD7-425C-B3E7-84BDF0E829B7}"/>
          </ac:spMkLst>
        </pc:spChg>
      </pc:sldChg>
      <pc:sldChg chg="addSp modSp mod">
        <pc:chgData name="LIU, SumYin [Student]" userId="249ac7fb-9f50-4d2f-a0f3-c92e4dbde324" providerId="ADAL" clId="{62B36EA3-35B4-A848-AF1E-72FA08BA87F9}" dt="2021-10-03T17:13:50.386" v="24" actId="1076"/>
        <pc:sldMkLst>
          <pc:docMk/>
          <pc:sldMk cId="3945810521" sldId="311"/>
        </pc:sldMkLst>
        <pc:spChg chg="mod">
          <ac:chgData name="LIU, SumYin [Student]" userId="249ac7fb-9f50-4d2f-a0f3-c92e4dbde324" providerId="ADAL" clId="{62B36EA3-35B4-A848-AF1E-72FA08BA87F9}" dt="2021-10-03T17:11:53.886" v="11" actId="21"/>
          <ac:spMkLst>
            <pc:docMk/>
            <pc:sldMk cId="3945810521" sldId="311"/>
            <ac:spMk id="2" creationId="{33379F66-7D53-4694-AAB2-74DD37DFFB54}"/>
          </ac:spMkLst>
        </pc:spChg>
        <pc:picChg chg="add mod">
          <ac:chgData name="LIU, SumYin [Student]" userId="249ac7fb-9f50-4d2f-a0f3-c92e4dbde324" providerId="ADAL" clId="{62B36EA3-35B4-A848-AF1E-72FA08BA87F9}" dt="2021-10-03T17:13:50.386" v="24" actId="1076"/>
          <ac:picMkLst>
            <pc:docMk/>
            <pc:sldMk cId="3945810521" sldId="311"/>
            <ac:picMk id="4" creationId="{2781F25E-3718-8A44-A65B-4BC1AA475B78}"/>
          </ac:picMkLst>
        </pc:picChg>
      </pc:sldChg>
      <pc:sldChg chg="addSp delSp modSp new mod">
        <pc:chgData name="LIU, SumYin [Student]" userId="249ac7fb-9f50-4d2f-a0f3-c92e4dbde324" providerId="ADAL" clId="{62B36EA3-35B4-A848-AF1E-72FA08BA87F9}" dt="2021-10-03T17:22:44.150" v="40" actId="14100"/>
        <pc:sldMkLst>
          <pc:docMk/>
          <pc:sldMk cId="3914939753" sldId="318"/>
        </pc:sldMkLst>
        <pc:spChg chg="del">
          <ac:chgData name="LIU, SumYin [Student]" userId="249ac7fb-9f50-4d2f-a0f3-c92e4dbde324" providerId="ADAL" clId="{62B36EA3-35B4-A848-AF1E-72FA08BA87F9}" dt="2021-10-03T17:12:20.592" v="17" actId="478"/>
          <ac:spMkLst>
            <pc:docMk/>
            <pc:sldMk cId="3914939753" sldId="318"/>
            <ac:spMk id="2" creationId="{AD65725B-58A6-6942-BC02-92F668030CE7}"/>
          </ac:spMkLst>
        </pc:spChg>
        <pc:spChg chg="del">
          <ac:chgData name="LIU, SumYin [Student]" userId="249ac7fb-9f50-4d2f-a0f3-c92e4dbde324" providerId="ADAL" clId="{62B36EA3-35B4-A848-AF1E-72FA08BA87F9}" dt="2021-10-03T17:12:16.072" v="15" actId="478"/>
          <ac:spMkLst>
            <pc:docMk/>
            <pc:sldMk cId="3914939753" sldId="318"/>
            <ac:spMk id="3" creationId="{9B20F093-E17F-EA4E-9073-F533F0A9227A}"/>
          </ac:spMkLst>
        </pc:spChg>
        <pc:spChg chg="del">
          <ac:chgData name="LIU, SumYin [Student]" userId="249ac7fb-9f50-4d2f-a0f3-c92e4dbde324" providerId="ADAL" clId="{62B36EA3-35B4-A848-AF1E-72FA08BA87F9}" dt="2021-10-03T17:12:18.506" v="16" actId="478"/>
          <ac:spMkLst>
            <pc:docMk/>
            <pc:sldMk cId="3914939753" sldId="318"/>
            <ac:spMk id="4" creationId="{D96694C4-17F1-004F-9E16-8A319950D34C}"/>
          </ac:spMkLst>
        </pc:spChg>
        <pc:spChg chg="del">
          <ac:chgData name="LIU, SumYin [Student]" userId="249ac7fb-9f50-4d2f-a0f3-c92e4dbde324" providerId="ADAL" clId="{62B36EA3-35B4-A848-AF1E-72FA08BA87F9}" dt="2021-10-03T17:12:16.072" v="15" actId="478"/>
          <ac:spMkLst>
            <pc:docMk/>
            <pc:sldMk cId="3914939753" sldId="318"/>
            <ac:spMk id="5" creationId="{6E75ED2E-6AA5-5F4F-AF8F-023A3D2CBAAF}"/>
          </ac:spMkLst>
        </pc:spChg>
        <pc:spChg chg="del">
          <ac:chgData name="LIU, SumYin [Student]" userId="249ac7fb-9f50-4d2f-a0f3-c92e4dbde324" providerId="ADAL" clId="{62B36EA3-35B4-A848-AF1E-72FA08BA87F9}" dt="2021-10-03T17:11:43.956" v="9" actId="478"/>
          <ac:spMkLst>
            <pc:docMk/>
            <pc:sldMk cId="3914939753" sldId="318"/>
            <ac:spMk id="6" creationId="{34082143-4CCD-F446-AEF0-33C1B271FE5C}"/>
          </ac:spMkLst>
        </pc:spChg>
        <pc:spChg chg="add mod">
          <ac:chgData name="LIU, SumYin [Student]" userId="249ac7fb-9f50-4d2f-a0f3-c92e4dbde324" providerId="ADAL" clId="{62B36EA3-35B4-A848-AF1E-72FA08BA87F9}" dt="2021-10-03T17:11:45.135" v="10"/>
          <ac:spMkLst>
            <pc:docMk/>
            <pc:sldMk cId="3914939753" sldId="318"/>
            <ac:spMk id="7" creationId="{5CE50EC6-7AAD-934B-A692-4B1C9A93C8D4}"/>
          </ac:spMkLst>
        </pc:spChg>
        <pc:spChg chg="add mod">
          <ac:chgData name="LIU, SumYin [Student]" userId="249ac7fb-9f50-4d2f-a0f3-c92e4dbde324" providerId="ADAL" clId="{62B36EA3-35B4-A848-AF1E-72FA08BA87F9}" dt="2021-10-03T17:21:53.502" v="35" actId="20577"/>
          <ac:spMkLst>
            <pc:docMk/>
            <pc:sldMk cId="3914939753" sldId="318"/>
            <ac:spMk id="8" creationId="{89B7E64C-DA70-9A4D-9252-57DBDFEB8A79}"/>
          </ac:spMkLst>
        </pc:spChg>
        <pc:picChg chg="add mod">
          <ac:chgData name="LIU, SumYin [Student]" userId="249ac7fb-9f50-4d2f-a0f3-c92e4dbde324" providerId="ADAL" clId="{62B36EA3-35B4-A848-AF1E-72FA08BA87F9}" dt="2021-10-03T17:21:08.103" v="28" actId="1076"/>
          <ac:picMkLst>
            <pc:docMk/>
            <pc:sldMk cId="3914939753" sldId="318"/>
            <ac:picMk id="10" creationId="{F898482C-B968-7742-9990-F9DE7CF18E6F}"/>
          </ac:picMkLst>
        </pc:picChg>
        <pc:picChg chg="add mod">
          <ac:chgData name="LIU, SumYin [Student]" userId="249ac7fb-9f50-4d2f-a0f3-c92e4dbde324" providerId="ADAL" clId="{62B36EA3-35B4-A848-AF1E-72FA08BA87F9}" dt="2021-10-03T17:22:44.150" v="40" actId="14100"/>
          <ac:picMkLst>
            <pc:docMk/>
            <pc:sldMk cId="3914939753" sldId="318"/>
            <ac:picMk id="12" creationId="{BFD9ABA2-77D8-5140-AB52-35FBE608E029}"/>
          </ac:picMkLst>
        </pc:picChg>
      </pc:sldChg>
      <pc:sldChg chg="addSp delSp modSp new mod">
        <pc:chgData name="LIU, SumYin [Student]" userId="249ac7fb-9f50-4d2f-a0f3-c92e4dbde324" providerId="ADAL" clId="{62B36EA3-35B4-A848-AF1E-72FA08BA87F9}" dt="2021-10-03T17:21:36.991" v="34" actId="20577"/>
        <pc:sldMkLst>
          <pc:docMk/>
          <pc:sldMk cId="2756135176" sldId="319"/>
        </pc:sldMkLst>
        <pc:spChg chg="del">
          <ac:chgData name="LIU, SumYin [Student]" userId="249ac7fb-9f50-4d2f-a0f3-c92e4dbde324" providerId="ADAL" clId="{62B36EA3-35B4-A848-AF1E-72FA08BA87F9}" dt="2021-10-03T17:21:28.809" v="31" actId="478"/>
          <ac:spMkLst>
            <pc:docMk/>
            <pc:sldMk cId="2756135176" sldId="319"/>
            <ac:spMk id="2" creationId="{CDF7025F-08CD-5247-997E-B66B129724AE}"/>
          </ac:spMkLst>
        </pc:spChg>
        <pc:spChg chg="del">
          <ac:chgData name="LIU, SumYin [Student]" userId="249ac7fb-9f50-4d2f-a0f3-c92e4dbde324" providerId="ADAL" clId="{62B36EA3-35B4-A848-AF1E-72FA08BA87F9}" dt="2021-10-03T17:21:28.809" v="31" actId="478"/>
          <ac:spMkLst>
            <pc:docMk/>
            <pc:sldMk cId="2756135176" sldId="319"/>
            <ac:spMk id="3" creationId="{3DE0F13E-B0A0-2848-9465-15CAE1F43318}"/>
          </ac:spMkLst>
        </pc:spChg>
        <pc:spChg chg="del">
          <ac:chgData name="LIU, SumYin [Student]" userId="249ac7fb-9f50-4d2f-a0f3-c92e4dbde324" providerId="ADAL" clId="{62B36EA3-35B4-A848-AF1E-72FA08BA87F9}" dt="2021-10-03T17:21:28.809" v="31" actId="478"/>
          <ac:spMkLst>
            <pc:docMk/>
            <pc:sldMk cId="2756135176" sldId="319"/>
            <ac:spMk id="4" creationId="{08A72423-1604-6C47-A7AF-CB04AFC6D7D1}"/>
          </ac:spMkLst>
        </pc:spChg>
        <pc:spChg chg="del">
          <ac:chgData name="LIU, SumYin [Student]" userId="249ac7fb-9f50-4d2f-a0f3-c92e4dbde324" providerId="ADAL" clId="{62B36EA3-35B4-A848-AF1E-72FA08BA87F9}" dt="2021-10-03T17:21:28.809" v="31" actId="478"/>
          <ac:spMkLst>
            <pc:docMk/>
            <pc:sldMk cId="2756135176" sldId="319"/>
            <ac:spMk id="5" creationId="{2124094D-A94C-7A44-BF22-47E4C260DBFC}"/>
          </ac:spMkLst>
        </pc:spChg>
        <pc:spChg chg="del">
          <ac:chgData name="LIU, SumYin [Student]" userId="249ac7fb-9f50-4d2f-a0f3-c92e4dbde324" providerId="ADAL" clId="{62B36EA3-35B4-A848-AF1E-72FA08BA87F9}" dt="2021-10-03T17:21:26.469" v="30" actId="478"/>
          <ac:spMkLst>
            <pc:docMk/>
            <pc:sldMk cId="2756135176" sldId="319"/>
            <ac:spMk id="6" creationId="{5995A097-672D-804F-9CCA-D3E5653D434A}"/>
          </ac:spMkLst>
        </pc:spChg>
        <pc:spChg chg="add mod">
          <ac:chgData name="LIU, SumYin [Student]" userId="249ac7fb-9f50-4d2f-a0f3-c92e4dbde324" providerId="ADAL" clId="{62B36EA3-35B4-A848-AF1E-72FA08BA87F9}" dt="2021-10-03T17:21:29.627" v="32"/>
          <ac:spMkLst>
            <pc:docMk/>
            <pc:sldMk cId="2756135176" sldId="319"/>
            <ac:spMk id="7" creationId="{3F9508C9-44CF-2748-90B7-BDB32278092E}"/>
          </ac:spMkLst>
        </pc:spChg>
        <pc:spChg chg="add mod">
          <ac:chgData name="LIU, SumYin [Student]" userId="249ac7fb-9f50-4d2f-a0f3-c92e4dbde324" providerId="ADAL" clId="{62B36EA3-35B4-A848-AF1E-72FA08BA87F9}" dt="2021-10-03T17:21:36.991" v="34" actId="20577"/>
          <ac:spMkLst>
            <pc:docMk/>
            <pc:sldMk cId="2756135176" sldId="319"/>
            <ac:spMk id="8" creationId="{DFABE847-4EF0-9047-8027-5AAD982C4C34}"/>
          </ac:spMkLst>
        </pc:spChg>
      </pc:sldChg>
    </pc:docChg>
  </pc:docChgLst>
  <pc:docChgLst>
    <pc:chgData name="CHEUNG, Hiu Ching Athena [Student]" userId="S::18049261d@connect.polyu.hk::03cc0922-5853-4d01-aac9-cbffaf26e9d9" providerId="AD" clId="Web-{0A658439-BAE3-BE1A-6806-D0046EFBCFE6}"/>
    <pc:docChg chg="addSld modSld sldOrd">
      <pc:chgData name="CHEUNG, Hiu Ching Athena [Student]" userId="S::18049261d@connect.polyu.hk::03cc0922-5853-4d01-aac9-cbffaf26e9d9" providerId="AD" clId="Web-{0A658439-BAE3-BE1A-6806-D0046EFBCFE6}" dt="2021-10-01T13:18:15.719" v="229" actId="20577"/>
      <pc:docMkLst>
        <pc:docMk/>
      </pc:docMkLst>
      <pc:sldChg chg="modSp">
        <pc:chgData name="CHEUNG, Hiu Ching Athena [Student]" userId="S::18049261d@connect.polyu.hk::03cc0922-5853-4d01-aac9-cbffaf26e9d9" providerId="AD" clId="Web-{0A658439-BAE3-BE1A-6806-D0046EFBCFE6}" dt="2021-10-01T13:02:28.256" v="8" actId="20577"/>
        <pc:sldMkLst>
          <pc:docMk/>
          <pc:sldMk cId="941444539" sldId="299"/>
        </pc:sldMkLst>
        <pc:spChg chg="mod">
          <ac:chgData name="CHEUNG, Hiu Ching Athena [Student]" userId="S::18049261d@connect.polyu.hk::03cc0922-5853-4d01-aac9-cbffaf26e9d9" providerId="AD" clId="Web-{0A658439-BAE3-BE1A-6806-D0046EFBCFE6}" dt="2021-10-01T13:02:28.256" v="8" actId="20577"/>
          <ac:spMkLst>
            <pc:docMk/>
            <pc:sldMk cId="941444539" sldId="299"/>
            <ac:spMk id="16" creationId="{160F6E03-22BB-48F7-AF93-AC84700AA67F}"/>
          </ac:spMkLst>
        </pc:spChg>
      </pc:sldChg>
      <pc:sldChg chg="modSp ord">
        <pc:chgData name="CHEUNG, Hiu Ching Athena [Student]" userId="S::18049261d@connect.polyu.hk::03cc0922-5853-4d01-aac9-cbffaf26e9d9" providerId="AD" clId="Web-{0A658439-BAE3-BE1A-6806-D0046EFBCFE6}" dt="2021-10-01T13:07:36.389" v="13" actId="1076"/>
        <pc:sldMkLst>
          <pc:docMk/>
          <pc:sldMk cId="499293948" sldId="304"/>
        </pc:sldMkLst>
        <pc:spChg chg="mod">
          <ac:chgData name="CHEUNG, Hiu Ching Athena [Student]" userId="S::18049261d@connect.polyu.hk::03cc0922-5853-4d01-aac9-cbffaf26e9d9" providerId="AD" clId="Web-{0A658439-BAE3-BE1A-6806-D0046EFBCFE6}" dt="2021-10-01T13:02:45.850" v="11" actId="20577"/>
          <ac:spMkLst>
            <pc:docMk/>
            <pc:sldMk cId="499293948" sldId="304"/>
            <ac:spMk id="16" creationId="{160F6E03-22BB-48F7-AF93-AC84700AA67F}"/>
          </ac:spMkLst>
        </pc:spChg>
        <pc:picChg chg="mod">
          <ac:chgData name="CHEUNG, Hiu Ching Athena [Student]" userId="S::18049261d@connect.polyu.hk::03cc0922-5853-4d01-aac9-cbffaf26e9d9" providerId="AD" clId="Web-{0A658439-BAE3-BE1A-6806-D0046EFBCFE6}" dt="2021-10-01T13:07:36.389" v="13" actId="1076"/>
          <ac:picMkLst>
            <pc:docMk/>
            <pc:sldMk cId="499293948" sldId="304"/>
            <ac:picMk id="3" creationId="{ECA106AE-6227-4C58-BA97-C6044C4AA992}"/>
          </ac:picMkLst>
        </pc:picChg>
        <pc:cxnChg chg="mod">
          <ac:chgData name="CHEUNG, Hiu Ching Athena [Student]" userId="S::18049261d@connect.polyu.hk::03cc0922-5853-4d01-aac9-cbffaf26e9d9" providerId="AD" clId="Web-{0A658439-BAE3-BE1A-6806-D0046EFBCFE6}" dt="2021-10-01T13:07:36.389" v="13" actId="1076"/>
          <ac:cxnSpMkLst>
            <pc:docMk/>
            <pc:sldMk cId="499293948" sldId="304"/>
            <ac:cxnSpMk id="5" creationId="{ABBA06B0-FD7F-4CB8-A233-B326233BC992}"/>
          </ac:cxnSpMkLst>
        </pc:cxnChg>
      </pc:sldChg>
      <pc:sldChg chg="modSp">
        <pc:chgData name="CHEUNG, Hiu Ching Athena [Student]" userId="S::18049261d@connect.polyu.hk::03cc0922-5853-4d01-aac9-cbffaf26e9d9" providerId="AD" clId="Web-{0A658439-BAE3-BE1A-6806-D0046EFBCFE6}" dt="2021-10-01T13:13:35.399" v="134" actId="1076"/>
        <pc:sldMkLst>
          <pc:docMk/>
          <pc:sldMk cId="3676948722" sldId="309"/>
        </pc:sldMkLst>
        <pc:spChg chg="mod">
          <ac:chgData name="CHEUNG, Hiu Ching Athena [Student]" userId="S::18049261d@connect.polyu.hk::03cc0922-5853-4d01-aac9-cbffaf26e9d9" providerId="AD" clId="Web-{0A658439-BAE3-BE1A-6806-D0046EFBCFE6}" dt="2021-10-01T13:13:35.352" v="133" actId="1076"/>
          <ac:spMkLst>
            <pc:docMk/>
            <pc:sldMk cId="3676948722" sldId="309"/>
            <ac:spMk id="16" creationId="{ABAC9CAE-6CD6-8340-BE9D-54C5734D9FFD}"/>
          </ac:spMkLst>
        </pc:spChg>
        <pc:spChg chg="mod">
          <ac:chgData name="CHEUNG, Hiu Ching Athena [Student]" userId="S::18049261d@connect.polyu.hk::03cc0922-5853-4d01-aac9-cbffaf26e9d9" providerId="AD" clId="Web-{0A658439-BAE3-BE1A-6806-D0046EFBCFE6}" dt="2021-10-01T13:13:28.493" v="131" actId="1076"/>
          <ac:spMkLst>
            <pc:docMk/>
            <pc:sldMk cId="3676948722" sldId="309"/>
            <ac:spMk id="18" creationId="{CB2B1F31-1714-5342-A517-38D97E19A5C8}"/>
          </ac:spMkLst>
        </pc:spChg>
        <pc:spChg chg="mod">
          <ac:chgData name="CHEUNG, Hiu Ching Athena [Student]" userId="S::18049261d@connect.polyu.hk::03cc0922-5853-4d01-aac9-cbffaf26e9d9" providerId="AD" clId="Web-{0A658439-BAE3-BE1A-6806-D0046EFBCFE6}" dt="2021-10-01T13:13:08.242" v="127" actId="20577"/>
          <ac:spMkLst>
            <pc:docMk/>
            <pc:sldMk cId="3676948722" sldId="309"/>
            <ac:spMk id="19" creationId="{1B0002FA-7D0E-E24A-ABE4-30904EEFE6D7}"/>
          </ac:spMkLst>
        </pc:spChg>
        <pc:spChg chg="mod">
          <ac:chgData name="CHEUNG, Hiu Ching Athena [Student]" userId="S::18049261d@connect.polyu.hk::03cc0922-5853-4d01-aac9-cbffaf26e9d9" providerId="AD" clId="Web-{0A658439-BAE3-BE1A-6806-D0046EFBCFE6}" dt="2021-10-01T13:12:22.460" v="109" actId="1076"/>
          <ac:spMkLst>
            <pc:docMk/>
            <pc:sldMk cId="3676948722" sldId="309"/>
            <ac:spMk id="21" creationId="{893EBCCA-7D28-0D45-8E92-D86460A07C02}"/>
          </ac:spMkLst>
        </pc:spChg>
        <pc:spChg chg="mod">
          <ac:chgData name="CHEUNG, Hiu Ching Athena [Student]" userId="S::18049261d@connect.polyu.hk::03cc0922-5853-4d01-aac9-cbffaf26e9d9" providerId="AD" clId="Web-{0A658439-BAE3-BE1A-6806-D0046EFBCFE6}" dt="2021-10-01T13:13:28.446" v="130" actId="1076"/>
          <ac:spMkLst>
            <pc:docMk/>
            <pc:sldMk cId="3676948722" sldId="309"/>
            <ac:spMk id="37" creationId="{E820FC38-20BC-482D-8698-CE08B241C470}"/>
          </ac:spMkLst>
        </pc:spChg>
        <pc:spChg chg="mod">
          <ac:chgData name="CHEUNG, Hiu Ching Athena [Student]" userId="S::18049261d@connect.polyu.hk::03cc0922-5853-4d01-aac9-cbffaf26e9d9" providerId="AD" clId="Web-{0A658439-BAE3-BE1A-6806-D0046EFBCFE6}" dt="2021-10-01T13:12:11.787" v="108" actId="1076"/>
          <ac:spMkLst>
            <pc:docMk/>
            <pc:sldMk cId="3676948722" sldId="309"/>
            <ac:spMk id="38" creationId="{BF717CCA-2915-4285-91D3-B7BA26E833B6}"/>
          </ac:spMkLst>
        </pc:spChg>
        <pc:spChg chg="mod">
          <ac:chgData name="CHEUNG, Hiu Ching Athena [Student]" userId="S::18049261d@connect.polyu.hk::03cc0922-5853-4d01-aac9-cbffaf26e9d9" providerId="AD" clId="Web-{0A658439-BAE3-BE1A-6806-D0046EFBCFE6}" dt="2021-10-01T13:13:35.399" v="134" actId="1076"/>
          <ac:spMkLst>
            <pc:docMk/>
            <pc:sldMk cId="3676948722" sldId="309"/>
            <ac:spMk id="43" creationId="{A48E3E0C-EE4D-4950-99B9-276863F53D6D}"/>
          </ac:spMkLst>
        </pc:spChg>
        <pc:spChg chg="mod">
          <ac:chgData name="CHEUNG, Hiu Ching Athena [Student]" userId="S::18049261d@connect.polyu.hk::03cc0922-5853-4d01-aac9-cbffaf26e9d9" providerId="AD" clId="Web-{0A658439-BAE3-BE1A-6806-D0046EFBCFE6}" dt="2021-10-01T13:12:55.445" v="121" actId="14100"/>
          <ac:spMkLst>
            <pc:docMk/>
            <pc:sldMk cId="3676948722" sldId="309"/>
            <ac:spMk id="44" creationId="{81390FB7-A869-4044-92BB-362E381297F7}"/>
          </ac:spMkLst>
        </pc:spChg>
        <pc:spChg chg="mod">
          <ac:chgData name="CHEUNG, Hiu Ching Athena [Student]" userId="S::18049261d@connect.polyu.hk::03cc0922-5853-4d01-aac9-cbffaf26e9d9" providerId="AD" clId="Web-{0A658439-BAE3-BE1A-6806-D0046EFBCFE6}" dt="2021-10-01T13:12:26.241" v="110" actId="1076"/>
          <ac:spMkLst>
            <pc:docMk/>
            <pc:sldMk cId="3676948722" sldId="309"/>
            <ac:spMk id="71" creationId="{BE4C1A90-40F4-4EC7-BB49-0CDB677217F4}"/>
          </ac:spMkLst>
        </pc:spChg>
        <pc:graphicFrameChg chg="mod modGraphic">
          <ac:chgData name="CHEUNG, Hiu Ching Athena [Student]" userId="S::18049261d@connect.polyu.hk::03cc0922-5853-4d01-aac9-cbffaf26e9d9" providerId="AD" clId="Web-{0A658439-BAE3-BE1A-6806-D0046EFBCFE6}" dt="2021-10-01T13:12:47.148" v="120"/>
          <ac:graphicFrameMkLst>
            <pc:docMk/>
            <pc:sldMk cId="3676948722" sldId="309"/>
            <ac:graphicFrameMk id="2" creationId="{BDF47525-78B1-48E8-A41E-D2E22CF5BEB2}"/>
          </ac:graphicFrameMkLst>
        </pc:graphicFrameChg>
      </pc:sldChg>
      <pc:sldChg chg="delSp modSp add ord replId">
        <pc:chgData name="CHEUNG, Hiu Ching Athena [Student]" userId="S::18049261d@connect.polyu.hk::03cc0922-5853-4d01-aac9-cbffaf26e9d9" providerId="AD" clId="Web-{0A658439-BAE3-BE1A-6806-D0046EFBCFE6}" dt="2021-10-01T13:18:15.719" v="229" actId="20577"/>
        <pc:sldMkLst>
          <pc:docMk/>
          <pc:sldMk cId="579860046" sldId="310"/>
        </pc:sldMkLst>
        <pc:spChg chg="mod">
          <ac:chgData name="CHEUNG, Hiu Ching Athena [Student]" userId="S::18049261d@connect.polyu.hk::03cc0922-5853-4d01-aac9-cbffaf26e9d9" providerId="AD" clId="Web-{0A658439-BAE3-BE1A-6806-D0046EFBCFE6}" dt="2021-10-01T13:18:15.719" v="229" actId="20577"/>
          <ac:spMkLst>
            <pc:docMk/>
            <pc:sldMk cId="579860046" sldId="310"/>
            <ac:spMk id="7" creationId="{B34CC871-BDD7-425C-B3E7-84BDF0E829B7}"/>
          </ac:spMkLst>
        </pc:spChg>
        <pc:spChg chg="mod">
          <ac:chgData name="CHEUNG, Hiu Ching Athena [Student]" userId="S::18049261d@connect.polyu.hk::03cc0922-5853-4d01-aac9-cbffaf26e9d9" providerId="AD" clId="Web-{0A658439-BAE3-BE1A-6806-D0046EFBCFE6}" dt="2021-10-01T13:15:12.042" v="143" actId="20577"/>
          <ac:spMkLst>
            <pc:docMk/>
            <pc:sldMk cId="579860046" sldId="310"/>
            <ac:spMk id="298" creationId="{00000000-0000-0000-0000-000000000000}"/>
          </ac:spMkLst>
        </pc:spChg>
        <pc:picChg chg="del">
          <ac:chgData name="CHEUNG, Hiu Ching Athena [Student]" userId="S::18049261d@connect.polyu.hk::03cc0922-5853-4d01-aac9-cbffaf26e9d9" providerId="AD" clId="Web-{0A658439-BAE3-BE1A-6806-D0046EFBCFE6}" dt="2021-10-01T13:15:14.558" v="144"/>
          <ac:picMkLst>
            <pc:docMk/>
            <pc:sldMk cId="579860046" sldId="310"/>
            <ac:picMk id="4" creationId="{04F365AB-120A-402E-BA30-6252557922D8}"/>
          </ac:picMkLst>
        </pc:picChg>
      </pc:sldChg>
    </pc:docChg>
  </pc:docChgLst>
  <pc:docChgLst>
    <pc:chgData name="FUNG, Ka Chun Tim [Student]" userId="S::18059161d@connect.polyu.hk::59ec9a4b-e42f-4c79-9d8e-09d547616725" providerId="AD" clId="Web-{67BA1F33-B73F-DBBD-407D-4202E439D82C}"/>
    <pc:docChg chg="delSld">
      <pc:chgData name="FUNG, Ka Chun Tim [Student]" userId="S::18059161d@connect.polyu.hk::59ec9a4b-e42f-4c79-9d8e-09d547616725" providerId="AD" clId="Web-{67BA1F33-B73F-DBBD-407D-4202E439D82C}" dt="2021-10-31T16:02:47.837" v="0"/>
      <pc:docMkLst>
        <pc:docMk/>
      </pc:docMkLst>
      <pc:sldChg chg="del">
        <pc:chgData name="FUNG, Ka Chun Tim [Student]" userId="S::18059161d@connect.polyu.hk::59ec9a4b-e42f-4c79-9d8e-09d547616725" providerId="AD" clId="Web-{67BA1F33-B73F-DBBD-407D-4202E439D82C}" dt="2021-10-31T16:02:47.837" v="0"/>
        <pc:sldMkLst>
          <pc:docMk/>
          <pc:sldMk cId="268773663" sldId="329"/>
        </pc:sldMkLst>
      </pc:sldChg>
    </pc:docChg>
  </pc:docChgLst>
  <pc:docChgLst>
    <pc:chgData name="LIU, SumYin [Student]" userId="249ac7fb-9f50-4d2f-a0f3-c92e4dbde324" providerId="ADAL" clId="{8758D4D9-70B0-4BB2-B0BB-A5FC317E3AB1}"/>
    <pc:docChg chg="modSld sldOrd">
      <pc:chgData name="LIU, SumYin [Student]" userId="249ac7fb-9f50-4d2f-a0f3-c92e4dbde324" providerId="ADAL" clId="{8758D4D9-70B0-4BB2-B0BB-A5FC317E3AB1}" dt="2021-11-01T01:31:01.619" v="28"/>
      <pc:docMkLst>
        <pc:docMk/>
      </pc:docMkLst>
      <pc:sldChg chg="ord">
        <pc:chgData name="LIU, SumYin [Student]" userId="249ac7fb-9f50-4d2f-a0f3-c92e4dbde324" providerId="ADAL" clId="{8758D4D9-70B0-4BB2-B0BB-A5FC317E3AB1}" dt="2021-11-01T01:07:08.628" v="0" actId="20578"/>
        <pc:sldMkLst>
          <pc:docMk/>
          <pc:sldMk cId="0" sldId="256"/>
        </pc:sldMkLst>
      </pc:sldChg>
      <pc:sldChg chg="modSp mod modNotesTx">
        <pc:chgData name="LIU, SumYin [Student]" userId="249ac7fb-9f50-4d2f-a0f3-c92e4dbde324" providerId="ADAL" clId="{8758D4D9-70B0-4BB2-B0BB-A5FC317E3AB1}" dt="2021-11-01T01:31:01.619" v="28"/>
        <pc:sldMkLst>
          <pc:docMk/>
          <pc:sldMk cId="2062501764" sldId="312"/>
        </pc:sldMkLst>
        <pc:spChg chg="mod">
          <ac:chgData name="LIU, SumYin [Student]" userId="249ac7fb-9f50-4d2f-a0f3-c92e4dbde324" providerId="ADAL" clId="{8758D4D9-70B0-4BB2-B0BB-A5FC317E3AB1}" dt="2021-11-01T01:30:59.256" v="27" actId="21"/>
          <ac:spMkLst>
            <pc:docMk/>
            <pc:sldMk cId="2062501764" sldId="312"/>
            <ac:spMk id="298" creationId="{00000000-0000-0000-0000-000000000000}"/>
          </ac:spMkLst>
        </pc:spChg>
      </pc:sldChg>
      <pc:sldChg chg="addSp modSp mod">
        <pc:chgData name="LIU, SumYin [Student]" userId="249ac7fb-9f50-4d2f-a0f3-c92e4dbde324" providerId="ADAL" clId="{8758D4D9-70B0-4BB2-B0BB-A5FC317E3AB1}" dt="2021-11-01T01:26:29.267" v="26" actId="1076"/>
        <pc:sldMkLst>
          <pc:docMk/>
          <pc:sldMk cId="3456281601" sldId="327"/>
        </pc:sldMkLst>
        <pc:picChg chg="add mod">
          <ac:chgData name="LIU, SumYin [Student]" userId="249ac7fb-9f50-4d2f-a0f3-c92e4dbde324" providerId="ADAL" clId="{8758D4D9-70B0-4BB2-B0BB-A5FC317E3AB1}" dt="2021-11-01T01:26:19.998" v="24" actId="1076"/>
          <ac:picMkLst>
            <pc:docMk/>
            <pc:sldMk cId="3456281601" sldId="327"/>
            <ac:picMk id="3" creationId="{3E561696-D5FE-494D-919B-95E158EFE99A}"/>
          </ac:picMkLst>
        </pc:picChg>
        <pc:picChg chg="add mod">
          <ac:chgData name="LIU, SumYin [Student]" userId="249ac7fb-9f50-4d2f-a0f3-c92e4dbde324" providerId="ADAL" clId="{8758D4D9-70B0-4BB2-B0BB-A5FC317E3AB1}" dt="2021-11-01T01:26:25.421" v="25" actId="1076"/>
          <ac:picMkLst>
            <pc:docMk/>
            <pc:sldMk cId="3456281601" sldId="327"/>
            <ac:picMk id="5" creationId="{EC275279-D3DF-4ADB-8BF6-5ADE8B35177D}"/>
          </ac:picMkLst>
        </pc:picChg>
        <pc:picChg chg="add mod">
          <ac:chgData name="LIU, SumYin [Student]" userId="249ac7fb-9f50-4d2f-a0f3-c92e4dbde324" providerId="ADAL" clId="{8758D4D9-70B0-4BB2-B0BB-A5FC317E3AB1}" dt="2021-11-01T01:26:29.267" v="26" actId="1076"/>
          <ac:picMkLst>
            <pc:docMk/>
            <pc:sldMk cId="3456281601" sldId="327"/>
            <ac:picMk id="7" creationId="{146DD546-545C-445C-BBC8-587037719D5E}"/>
          </ac:picMkLst>
        </pc:picChg>
      </pc:sldChg>
    </pc:docChg>
  </pc:docChgLst>
  <pc:docChgLst>
    <pc:chgData name="FUNG, Ka Chun Tim [Student]" userId="S::18059161d@connect.polyu.hk::59ec9a4b-e42f-4c79-9d8e-09d547616725" providerId="AD" clId="Web-{6672D2CD-B323-4AC0-A2E9-9006F62330D1}"/>
    <pc:docChg chg="addSld modSld">
      <pc:chgData name="FUNG, Ka Chun Tim [Student]" userId="S::18059161d@connect.polyu.hk::59ec9a4b-e42f-4c79-9d8e-09d547616725" providerId="AD" clId="Web-{6672D2CD-B323-4AC0-A2E9-9006F62330D1}" dt="2021-08-17T02:06:09.591" v="237" actId="20577"/>
      <pc:docMkLst>
        <pc:docMk/>
      </pc:docMkLst>
      <pc:sldChg chg="addSp delSp modSp addCm delCm">
        <pc:chgData name="FUNG, Ka Chun Tim [Student]" userId="S::18059161d@connect.polyu.hk::59ec9a4b-e42f-4c79-9d8e-09d547616725" providerId="AD" clId="Web-{6672D2CD-B323-4AC0-A2E9-9006F62330D1}" dt="2021-08-17T01:57:00.222" v="183" actId="1076"/>
        <pc:sldMkLst>
          <pc:docMk/>
          <pc:sldMk cId="2994908211" sldId="302"/>
        </pc:sldMkLst>
        <pc:spChg chg="mod">
          <ac:chgData name="FUNG, Ka Chun Tim [Student]" userId="S::18059161d@connect.polyu.hk::59ec9a4b-e42f-4c79-9d8e-09d547616725" providerId="AD" clId="Web-{6672D2CD-B323-4AC0-A2E9-9006F62330D1}" dt="2021-08-17T01:37:17.029" v="13" actId="1076"/>
          <ac:spMkLst>
            <pc:docMk/>
            <pc:sldMk cId="2994908211" sldId="302"/>
            <ac:spMk id="3" creationId="{DA269718-81E9-478D-B7B3-5C6EC69A4DE8}"/>
          </ac:spMkLst>
        </pc:spChg>
        <pc:spChg chg="add del mod">
          <ac:chgData name="FUNG, Ka Chun Tim [Student]" userId="S::18059161d@connect.polyu.hk::59ec9a4b-e42f-4c79-9d8e-09d547616725" providerId="AD" clId="Web-{6672D2CD-B323-4AC0-A2E9-9006F62330D1}" dt="2021-08-17T01:37:26.201" v="16"/>
          <ac:spMkLst>
            <pc:docMk/>
            <pc:sldMk cId="2994908211" sldId="302"/>
            <ac:spMk id="4" creationId="{5DE96EBE-DDE6-439D-B730-3F7B9370F8E8}"/>
          </ac:spMkLst>
        </pc:spChg>
        <pc:spChg chg="add del mod">
          <ac:chgData name="FUNG, Ka Chun Tim [Student]" userId="S::18059161d@connect.polyu.hk::59ec9a4b-e42f-4c79-9d8e-09d547616725" providerId="AD" clId="Web-{6672D2CD-B323-4AC0-A2E9-9006F62330D1}" dt="2021-08-17T01:42:06.956" v="62"/>
          <ac:spMkLst>
            <pc:docMk/>
            <pc:sldMk cId="2994908211" sldId="302"/>
            <ac:spMk id="5" creationId="{84C0335A-F012-4C64-9F53-BA754D7F8DB2}"/>
          </ac:spMkLst>
        </pc:spChg>
        <pc:spChg chg="add mod">
          <ac:chgData name="FUNG, Ka Chun Tim [Student]" userId="S::18059161d@connect.polyu.hk::59ec9a4b-e42f-4c79-9d8e-09d547616725" providerId="AD" clId="Web-{6672D2CD-B323-4AC0-A2E9-9006F62330D1}" dt="2021-08-17T01:56:40.081" v="179" actId="20577"/>
          <ac:spMkLst>
            <pc:docMk/>
            <pc:sldMk cId="2994908211" sldId="302"/>
            <ac:spMk id="7" creationId="{E0806B09-8858-4F54-AA68-83FED2FD7632}"/>
          </ac:spMkLst>
        </pc:spChg>
        <pc:spChg chg="del mod">
          <ac:chgData name="FUNG, Ka Chun Tim [Student]" userId="S::18059161d@connect.polyu.hk::59ec9a4b-e42f-4c79-9d8e-09d547616725" providerId="AD" clId="Web-{6672D2CD-B323-4AC0-A2E9-9006F62330D1}" dt="2021-08-17T01:37:15.607" v="12"/>
          <ac:spMkLst>
            <pc:docMk/>
            <pc:sldMk cId="2994908211" sldId="302"/>
            <ac:spMk id="8" creationId="{D8F9A8EC-9B16-4C15-BA3F-FC33C505C1FC}"/>
          </ac:spMkLst>
        </pc:spChg>
        <pc:spChg chg="add mod">
          <ac:chgData name="FUNG, Ka Chun Tim [Student]" userId="S::18059161d@connect.polyu.hk::59ec9a4b-e42f-4c79-9d8e-09d547616725" providerId="AD" clId="Web-{6672D2CD-B323-4AC0-A2E9-9006F62330D1}" dt="2021-08-17T01:51:54.732" v="129" actId="1076"/>
          <ac:spMkLst>
            <pc:docMk/>
            <pc:sldMk cId="2994908211" sldId="302"/>
            <ac:spMk id="10" creationId="{70D41BC6-65B5-4EC2-AF23-FA86148FED47}"/>
          </ac:spMkLst>
        </pc:spChg>
        <pc:spChg chg="add mod">
          <ac:chgData name="FUNG, Ka Chun Tim [Student]" userId="S::18059161d@connect.polyu.hk::59ec9a4b-e42f-4c79-9d8e-09d547616725" providerId="AD" clId="Web-{6672D2CD-B323-4AC0-A2E9-9006F62330D1}" dt="2021-08-17T01:37:35.451" v="22" actId="20577"/>
          <ac:spMkLst>
            <pc:docMk/>
            <pc:sldMk cId="2994908211" sldId="302"/>
            <ac:spMk id="11" creationId="{B7EC9ADB-CCA0-41EE-9250-A6440C2B255B}"/>
          </ac:spMkLst>
        </pc:spChg>
        <pc:spChg chg="add del mod">
          <ac:chgData name="FUNG, Ka Chun Tim [Student]" userId="S::18059161d@connect.polyu.hk::59ec9a4b-e42f-4c79-9d8e-09d547616725" providerId="AD" clId="Web-{6672D2CD-B323-4AC0-A2E9-9006F62330D1}" dt="2021-08-17T01:37:58.592" v="33"/>
          <ac:spMkLst>
            <pc:docMk/>
            <pc:sldMk cId="2994908211" sldId="302"/>
            <ac:spMk id="12" creationId="{25A37BF3-1AEB-4451-8F01-AF9C8ECB5C51}"/>
          </ac:spMkLst>
        </pc:spChg>
        <pc:spChg chg="mod">
          <ac:chgData name="FUNG, Ka Chun Tim [Student]" userId="S::18059161d@connect.polyu.hk::59ec9a4b-e42f-4c79-9d8e-09d547616725" providerId="AD" clId="Web-{6672D2CD-B323-4AC0-A2E9-9006F62330D1}" dt="2021-08-17T01:37:19.107" v="14" actId="1076"/>
          <ac:spMkLst>
            <pc:docMk/>
            <pc:sldMk cId="2994908211" sldId="302"/>
            <ac:spMk id="15" creationId="{4F84504A-B211-4096-81F5-8766D94E8946}"/>
          </ac:spMkLst>
        </pc:spChg>
        <pc:spChg chg="add del mod">
          <ac:chgData name="FUNG, Ka Chun Tim [Student]" userId="S::18059161d@connect.polyu.hk::59ec9a4b-e42f-4c79-9d8e-09d547616725" providerId="AD" clId="Web-{6672D2CD-B323-4AC0-A2E9-9006F62330D1}" dt="2021-08-17T01:38:10.811" v="40"/>
          <ac:spMkLst>
            <pc:docMk/>
            <pc:sldMk cId="2994908211" sldId="302"/>
            <ac:spMk id="16" creationId="{6F57CE7D-684E-4E2E-B78C-214BD8573163}"/>
          </ac:spMkLst>
        </pc:spChg>
        <pc:spChg chg="add mod">
          <ac:chgData name="FUNG, Ka Chun Tim [Student]" userId="S::18059161d@connect.polyu.hk::59ec9a4b-e42f-4c79-9d8e-09d547616725" providerId="AD" clId="Web-{6672D2CD-B323-4AC0-A2E9-9006F62330D1}" dt="2021-08-17T01:51:54.747" v="130" actId="1076"/>
          <ac:spMkLst>
            <pc:docMk/>
            <pc:sldMk cId="2994908211" sldId="302"/>
            <ac:spMk id="18" creationId="{807F1CD7-CE3B-4AE5-BDD0-307C258635F3}"/>
          </ac:spMkLst>
        </pc:spChg>
        <pc:spChg chg="add mod">
          <ac:chgData name="FUNG, Ka Chun Tim [Student]" userId="S::18059161d@connect.polyu.hk::59ec9a4b-e42f-4c79-9d8e-09d547616725" providerId="AD" clId="Web-{6672D2CD-B323-4AC0-A2E9-9006F62330D1}" dt="2021-08-17T01:51:54.763" v="131" actId="1076"/>
          <ac:spMkLst>
            <pc:docMk/>
            <pc:sldMk cId="2994908211" sldId="302"/>
            <ac:spMk id="19" creationId="{B87AE048-50B3-4D5C-A6E3-752A5EA86326}"/>
          </ac:spMkLst>
        </pc:spChg>
        <pc:spChg chg="add mod">
          <ac:chgData name="FUNG, Ka Chun Tim [Student]" userId="S::18059161d@connect.polyu.hk::59ec9a4b-e42f-4c79-9d8e-09d547616725" providerId="AD" clId="Web-{6672D2CD-B323-4AC0-A2E9-9006F62330D1}" dt="2021-08-17T01:51:54.779" v="132" actId="1076"/>
          <ac:spMkLst>
            <pc:docMk/>
            <pc:sldMk cId="2994908211" sldId="302"/>
            <ac:spMk id="20" creationId="{1A9C9AC3-616B-4EB7-ABE3-E286385E81BE}"/>
          </ac:spMkLst>
        </pc:spChg>
        <pc:picChg chg="add mod">
          <ac:chgData name="FUNG, Ka Chun Tim [Student]" userId="S::18059161d@connect.polyu.hk::59ec9a4b-e42f-4c79-9d8e-09d547616725" providerId="AD" clId="Web-{6672D2CD-B323-4AC0-A2E9-9006F62330D1}" dt="2021-08-17T01:51:47.903" v="128" actId="1076"/>
          <ac:picMkLst>
            <pc:docMk/>
            <pc:sldMk cId="2994908211" sldId="302"/>
            <ac:picMk id="9" creationId="{45AB137C-5F0B-49AB-9276-E028D272C44F}"/>
          </ac:picMkLst>
        </pc:picChg>
        <pc:picChg chg="add del mod">
          <ac:chgData name="FUNG, Ka Chun Tim [Student]" userId="S::18059161d@connect.polyu.hk::59ec9a4b-e42f-4c79-9d8e-09d547616725" providerId="AD" clId="Web-{6672D2CD-B323-4AC0-A2E9-9006F62330D1}" dt="2021-08-17T01:55:03.532" v="157"/>
          <ac:picMkLst>
            <pc:docMk/>
            <pc:sldMk cId="2994908211" sldId="302"/>
            <ac:picMk id="17" creationId="{34D8026E-DA98-470E-94A5-033CE803F24A}"/>
          </ac:picMkLst>
        </pc:picChg>
        <pc:picChg chg="add mod">
          <ac:chgData name="FUNG, Ka Chun Tim [Student]" userId="S::18059161d@connect.polyu.hk::59ec9a4b-e42f-4c79-9d8e-09d547616725" providerId="AD" clId="Web-{6672D2CD-B323-4AC0-A2E9-9006F62330D1}" dt="2021-08-17T01:56:01.033" v="168" actId="1076"/>
          <ac:picMkLst>
            <pc:docMk/>
            <pc:sldMk cId="2994908211" sldId="302"/>
            <ac:picMk id="21" creationId="{A2F7069A-2D16-48CB-B7D8-AD7840C20A5C}"/>
          </ac:picMkLst>
        </pc:picChg>
        <pc:picChg chg="add mod">
          <ac:chgData name="FUNG, Ka Chun Tim [Student]" userId="S::18059161d@connect.polyu.hk::59ec9a4b-e42f-4c79-9d8e-09d547616725" providerId="AD" clId="Web-{6672D2CD-B323-4AC0-A2E9-9006F62330D1}" dt="2021-08-17T01:57:00.222" v="183" actId="1076"/>
          <ac:picMkLst>
            <pc:docMk/>
            <pc:sldMk cId="2994908211" sldId="302"/>
            <ac:picMk id="22" creationId="{07005C81-6838-4F06-8AA4-FC519B854DE9}"/>
          </ac:picMkLst>
        </pc:picChg>
      </pc:sldChg>
      <pc:sldChg chg="addSp delSp modSp add replId">
        <pc:chgData name="FUNG, Ka Chun Tim [Student]" userId="S::18059161d@connect.polyu.hk::59ec9a4b-e42f-4c79-9d8e-09d547616725" providerId="AD" clId="Web-{6672D2CD-B323-4AC0-A2E9-9006F62330D1}" dt="2021-08-17T02:06:09.591" v="237" actId="20577"/>
        <pc:sldMkLst>
          <pc:docMk/>
          <pc:sldMk cId="1619587713" sldId="308"/>
        </pc:sldMkLst>
        <pc:spChg chg="mod">
          <ac:chgData name="FUNG, Ka Chun Tim [Student]" userId="S::18059161d@connect.polyu.hk::59ec9a4b-e42f-4c79-9d8e-09d547616725" providerId="AD" clId="Web-{6672D2CD-B323-4AC0-A2E9-9006F62330D1}" dt="2021-08-17T01:59:49.412" v="195" actId="20577"/>
          <ac:spMkLst>
            <pc:docMk/>
            <pc:sldMk cId="1619587713" sldId="308"/>
            <ac:spMk id="2" creationId="{33379F66-7D53-4694-AAB2-74DD37DFFB54}"/>
          </ac:spMkLst>
        </pc:spChg>
        <pc:spChg chg="mod">
          <ac:chgData name="FUNG, Ka Chun Tim [Student]" userId="S::18059161d@connect.polyu.hk::59ec9a4b-e42f-4c79-9d8e-09d547616725" providerId="AD" clId="Web-{6672D2CD-B323-4AC0-A2E9-9006F62330D1}" dt="2021-08-17T02:04:28.792" v="216" actId="20577"/>
          <ac:spMkLst>
            <pc:docMk/>
            <pc:sldMk cId="1619587713" sldId="308"/>
            <ac:spMk id="3" creationId="{DA269718-81E9-478D-B7B3-5C6EC69A4DE8}"/>
          </ac:spMkLst>
        </pc:spChg>
        <pc:spChg chg="mod">
          <ac:chgData name="FUNG, Ka Chun Tim [Student]" userId="S::18059161d@connect.polyu.hk::59ec9a4b-e42f-4c79-9d8e-09d547616725" providerId="AD" clId="Web-{6672D2CD-B323-4AC0-A2E9-9006F62330D1}" dt="2021-08-17T02:06:09.591" v="237" actId="20577"/>
          <ac:spMkLst>
            <pc:docMk/>
            <pc:sldMk cId="1619587713" sldId="308"/>
            <ac:spMk id="7" creationId="{E0806B09-8858-4F54-AA68-83FED2FD7632}"/>
          </ac:spMkLst>
        </pc:spChg>
        <pc:spChg chg="del">
          <ac:chgData name="FUNG, Ka Chun Tim [Student]" userId="S::18059161d@connect.polyu.hk::59ec9a4b-e42f-4c79-9d8e-09d547616725" providerId="AD" clId="Web-{6672D2CD-B323-4AC0-A2E9-9006F62330D1}" dt="2021-08-17T01:59:02.614" v="188"/>
          <ac:spMkLst>
            <pc:docMk/>
            <pc:sldMk cId="1619587713" sldId="308"/>
            <ac:spMk id="10" creationId="{70D41BC6-65B5-4EC2-AF23-FA86148FED47}"/>
          </ac:spMkLst>
        </pc:spChg>
        <pc:spChg chg="mod">
          <ac:chgData name="FUNG, Ka Chun Tim [Student]" userId="S::18059161d@connect.polyu.hk::59ec9a4b-e42f-4c79-9d8e-09d547616725" providerId="AD" clId="Web-{6672D2CD-B323-4AC0-A2E9-9006F62330D1}" dt="2021-08-17T02:04:39.792" v="228" actId="20577"/>
          <ac:spMkLst>
            <pc:docMk/>
            <pc:sldMk cId="1619587713" sldId="308"/>
            <ac:spMk id="11" creationId="{B7EC9ADB-CCA0-41EE-9250-A6440C2B255B}"/>
          </ac:spMkLst>
        </pc:spChg>
        <pc:spChg chg="del">
          <ac:chgData name="FUNG, Ka Chun Tim [Student]" userId="S::18059161d@connect.polyu.hk::59ec9a4b-e42f-4c79-9d8e-09d547616725" providerId="AD" clId="Web-{6672D2CD-B323-4AC0-A2E9-9006F62330D1}" dt="2021-08-17T02:00:01.194" v="196"/>
          <ac:spMkLst>
            <pc:docMk/>
            <pc:sldMk cId="1619587713" sldId="308"/>
            <ac:spMk id="15" creationId="{4F84504A-B211-4096-81F5-8766D94E8946}"/>
          </ac:spMkLst>
        </pc:spChg>
        <pc:spChg chg="del">
          <ac:chgData name="FUNG, Ka Chun Tim [Student]" userId="S::18059161d@connect.polyu.hk::59ec9a4b-e42f-4c79-9d8e-09d547616725" providerId="AD" clId="Web-{6672D2CD-B323-4AC0-A2E9-9006F62330D1}" dt="2021-08-17T01:59:02.614" v="187"/>
          <ac:spMkLst>
            <pc:docMk/>
            <pc:sldMk cId="1619587713" sldId="308"/>
            <ac:spMk id="18" creationId="{807F1CD7-CE3B-4AE5-BDD0-307C258635F3}"/>
          </ac:spMkLst>
        </pc:spChg>
        <pc:spChg chg="del">
          <ac:chgData name="FUNG, Ka Chun Tim [Student]" userId="S::18059161d@connect.polyu.hk::59ec9a4b-e42f-4c79-9d8e-09d547616725" providerId="AD" clId="Web-{6672D2CD-B323-4AC0-A2E9-9006F62330D1}" dt="2021-08-17T01:59:02.614" v="186"/>
          <ac:spMkLst>
            <pc:docMk/>
            <pc:sldMk cId="1619587713" sldId="308"/>
            <ac:spMk id="19" creationId="{B87AE048-50B3-4D5C-A6E3-752A5EA86326}"/>
          </ac:spMkLst>
        </pc:spChg>
        <pc:spChg chg="del">
          <ac:chgData name="FUNG, Ka Chun Tim [Student]" userId="S::18059161d@connect.polyu.hk::59ec9a4b-e42f-4c79-9d8e-09d547616725" providerId="AD" clId="Web-{6672D2CD-B323-4AC0-A2E9-9006F62330D1}" dt="2021-08-17T01:59:02.614" v="185"/>
          <ac:spMkLst>
            <pc:docMk/>
            <pc:sldMk cId="1619587713" sldId="308"/>
            <ac:spMk id="20" creationId="{1A9C9AC3-616B-4EB7-ABE3-E286385E81BE}"/>
          </ac:spMkLst>
        </pc:spChg>
        <pc:picChg chg="add mod">
          <ac:chgData name="FUNG, Ka Chun Tim [Student]" userId="S::18059161d@connect.polyu.hk::59ec9a4b-e42f-4c79-9d8e-09d547616725" providerId="AD" clId="Web-{6672D2CD-B323-4AC0-A2E9-9006F62330D1}" dt="2021-08-17T02:05:05.121" v="231" actId="1076"/>
          <ac:picMkLst>
            <pc:docMk/>
            <pc:sldMk cId="1619587713" sldId="308"/>
            <ac:picMk id="4" creationId="{C0D2B19E-E836-49BC-ACD1-DC4B1B7EDDF9}"/>
          </ac:picMkLst>
        </pc:picChg>
        <pc:picChg chg="del">
          <ac:chgData name="FUNG, Ka Chun Tim [Student]" userId="S::18059161d@connect.polyu.hk::59ec9a4b-e42f-4c79-9d8e-09d547616725" providerId="AD" clId="Web-{6672D2CD-B323-4AC0-A2E9-9006F62330D1}" dt="2021-08-17T01:59:02.614" v="189"/>
          <ac:picMkLst>
            <pc:docMk/>
            <pc:sldMk cId="1619587713" sldId="308"/>
            <ac:picMk id="9" creationId="{45AB137C-5F0B-49AB-9276-E028D272C44F}"/>
          </ac:picMkLst>
        </pc:picChg>
        <pc:picChg chg="del mod">
          <ac:chgData name="FUNG, Ka Chun Tim [Student]" userId="S::18059161d@connect.polyu.hk::59ec9a4b-e42f-4c79-9d8e-09d547616725" providerId="AD" clId="Web-{6672D2CD-B323-4AC0-A2E9-9006F62330D1}" dt="2021-08-17T02:01:03.179" v="207"/>
          <ac:picMkLst>
            <pc:docMk/>
            <pc:sldMk cId="1619587713" sldId="308"/>
            <ac:picMk id="22" creationId="{07005C81-6838-4F06-8AA4-FC519B854DE9}"/>
          </ac:picMkLst>
        </pc:picChg>
      </pc:sldChg>
    </pc:docChg>
  </pc:docChgLst>
  <pc:docChgLst>
    <pc:chgData clId="Web-{DF7BD900-4D9F-CE56-FEE6-C186CAE4099B}"/>
    <pc:docChg chg="modSld">
      <pc:chgData name="" userId="" providerId="" clId="Web-{DF7BD900-4D9F-CE56-FEE6-C186CAE4099B}" dt="2021-08-25T05:32:04.142" v="1" actId="20577"/>
      <pc:docMkLst>
        <pc:docMk/>
      </pc:docMkLst>
      <pc:sldChg chg="modSp">
        <pc:chgData name="" userId="" providerId="" clId="Web-{DF7BD900-4D9F-CE56-FEE6-C186CAE4099B}" dt="2021-08-25T05:32:04.142" v="1" actId="20577"/>
        <pc:sldMkLst>
          <pc:docMk/>
          <pc:sldMk cId="0" sldId="256"/>
        </pc:sldMkLst>
        <pc:spChg chg="mod">
          <ac:chgData name="" userId="" providerId="" clId="Web-{DF7BD900-4D9F-CE56-FEE6-C186CAE4099B}" dt="2021-08-25T05:32:04.142" v="1" actId="20577"/>
          <ac:spMkLst>
            <pc:docMk/>
            <pc:sldMk cId="0" sldId="256"/>
            <ac:spMk id="190" creationId="{00000000-0000-0000-0000-000000000000}"/>
          </ac:spMkLst>
        </pc:spChg>
      </pc:sldChg>
    </pc:docChg>
  </pc:docChgLst>
  <pc:docChgLst>
    <pc:chgData name="FUNG, Ka Chun Tim [Student]" userId="S::18059161d@connect.polyu.hk::59ec9a4b-e42f-4c79-9d8e-09d547616725" providerId="AD" clId="Web-{4562BBEE-EB2A-43B0-9E48-3C0C61BA1691}"/>
    <pc:docChg chg="modSld">
      <pc:chgData name="FUNG, Ka Chun Tim [Student]" userId="S::18059161d@connect.polyu.hk::59ec9a4b-e42f-4c79-9d8e-09d547616725" providerId="AD" clId="Web-{4562BBEE-EB2A-43B0-9E48-3C0C61BA1691}" dt="2021-08-18T00:34:44.829" v="52" actId="20577"/>
      <pc:docMkLst>
        <pc:docMk/>
      </pc:docMkLst>
      <pc:sldChg chg="addSp delSp modSp">
        <pc:chgData name="FUNG, Ka Chun Tim [Student]" userId="S::18059161d@connect.polyu.hk::59ec9a4b-e42f-4c79-9d8e-09d547616725" providerId="AD" clId="Web-{4562BBEE-EB2A-43B0-9E48-3C0C61BA1691}" dt="2021-08-18T00:26:58.283" v="20"/>
        <pc:sldMkLst>
          <pc:docMk/>
          <pc:sldMk cId="2994908211" sldId="302"/>
        </pc:sldMkLst>
        <pc:spChg chg="mod">
          <ac:chgData name="FUNG, Ka Chun Tim [Student]" userId="S::18059161d@connect.polyu.hk::59ec9a4b-e42f-4c79-9d8e-09d547616725" providerId="AD" clId="Web-{4562BBEE-EB2A-43B0-9E48-3C0C61BA1691}" dt="2021-08-18T00:26:04.607" v="14" actId="20577"/>
          <ac:spMkLst>
            <pc:docMk/>
            <pc:sldMk cId="2994908211" sldId="302"/>
            <ac:spMk id="7" creationId="{E0806B09-8858-4F54-AA68-83FED2FD7632}"/>
          </ac:spMkLst>
        </pc:spChg>
        <pc:spChg chg="add del mod">
          <ac:chgData name="FUNG, Ka Chun Tim [Student]" userId="S::18059161d@connect.polyu.hk::59ec9a4b-e42f-4c79-9d8e-09d547616725" providerId="AD" clId="Web-{4562BBEE-EB2A-43B0-9E48-3C0C61BA1691}" dt="2021-08-18T00:22:01.935" v="9"/>
          <ac:spMkLst>
            <pc:docMk/>
            <pc:sldMk cId="2994908211" sldId="302"/>
            <ac:spMk id="16" creationId="{A98998F1-0897-497D-B136-7C5658635729}"/>
          </ac:spMkLst>
        </pc:spChg>
        <pc:picChg chg="add mod">
          <ac:chgData name="FUNG, Ka Chun Tim [Student]" userId="S::18059161d@connect.polyu.hk::59ec9a4b-e42f-4c79-9d8e-09d547616725" providerId="AD" clId="Web-{4562BBEE-EB2A-43B0-9E48-3C0C61BA1691}" dt="2021-08-18T00:26:20.952" v="16" actId="1076"/>
          <ac:picMkLst>
            <pc:docMk/>
            <pc:sldMk cId="2994908211" sldId="302"/>
            <ac:picMk id="4" creationId="{8EA3EA37-EA6D-4EFF-B16A-5FA4A8E68D03}"/>
          </ac:picMkLst>
        </pc:picChg>
        <pc:picChg chg="add mod">
          <ac:chgData name="FUNG, Ka Chun Tim [Student]" userId="S::18059161d@connect.polyu.hk::59ec9a4b-e42f-4c79-9d8e-09d547616725" providerId="AD" clId="Web-{4562BBEE-EB2A-43B0-9E48-3C0C61BA1691}" dt="2021-08-18T00:26:56.673" v="18" actId="1076"/>
          <ac:picMkLst>
            <pc:docMk/>
            <pc:sldMk cId="2994908211" sldId="302"/>
            <ac:picMk id="5" creationId="{1C3A1A58-19AA-4A29-A6E3-783E199D0D74}"/>
          </ac:picMkLst>
        </pc:picChg>
        <pc:picChg chg="del">
          <ac:chgData name="FUNG, Ka Chun Tim [Student]" userId="S::18059161d@connect.polyu.hk::59ec9a4b-e42f-4c79-9d8e-09d547616725" providerId="AD" clId="Web-{4562BBEE-EB2A-43B0-9E48-3C0C61BA1691}" dt="2021-08-18T00:26:58.283" v="20"/>
          <ac:picMkLst>
            <pc:docMk/>
            <pc:sldMk cId="2994908211" sldId="302"/>
            <ac:picMk id="21" creationId="{A2F7069A-2D16-48CB-B7D8-AD7840C20A5C}"/>
          </ac:picMkLst>
        </pc:picChg>
        <pc:picChg chg="del">
          <ac:chgData name="FUNG, Ka Chun Tim [Student]" userId="S::18059161d@connect.polyu.hk::59ec9a4b-e42f-4c79-9d8e-09d547616725" providerId="AD" clId="Web-{4562BBEE-EB2A-43B0-9E48-3C0C61BA1691}" dt="2021-08-18T00:26:57.814" v="19"/>
          <ac:picMkLst>
            <pc:docMk/>
            <pc:sldMk cId="2994908211" sldId="302"/>
            <ac:picMk id="22" creationId="{07005C81-6838-4F06-8AA4-FC519B854DE9}"/>
          </ac:picMkLst>
        </pc:picChg>
      </pc:sldChg>
      <pc:sldChg chg="addSp delSp modSp">
        <pc:chgData name="FUNG, Ka Chun Tim [Student]" userId="S::18059161d@connect.polyu.hk::59ec9a4b-e42f-4c79-9d8e-09d547616725" providerId="AD" clId="Web-{4562BBEE-EB2A-43B0-9E48-3C0C61BA1691}" dt="2021-08-18T00:34:44.829" v="52" actId="20577"/>
        <pc:sldMkLst>
          <pc:docMk/>
          <pc:sldMk cId="1619587713" sldId="308"/>
        </pc:sldMkLst>
        <pc:spChg chg="mod">
          <ac:chgData name="FUNG, Ka Chun Tim [Student]" userId="S::18059161d@connect.polyu.hk::59ec9a4b-e42f-4c79-9d8e-09d547616725" providerId="AD" clId="Web-{4562BBEE-EB2A-43B0-9E48-3C0C61BA1691}" dt="2021-08-18T00:34:44.829" v="52" actId="20577"/>
          <ac:spMkLst>
            <pc:docMk/>
            <pc:sldMk cId="1619587713" sldId="308"/>
            <ac:spMk id="7" creationId="{E0806B09-8858-4F54-AA68-83FED2FD7632}"/>
          </ac:spMkLst>
        </pc:spChg>
        <pc:spChg chg="add mod">
          <ac:chgData name="FUNG, Ka Chun Tim [Student]" userId="S::18059161d@connect.polyu.hk::59ec9a4b-e42f-4c79-9d8e-09d547616725" providerId="AD" clId="Web-{4562BBEE-EB2A-43B0-9E48-3C0C61BA1691}" dt="2021-08-18T00:34:00.655" v="48" actId="20577"/>
          <ac:spMkLst>
            <pc:docMk/>
            <pc:sldMk cId="1619587713" sldId="308"/>
            <ac:spMk id="9" creationId="{F8B56D40-5661-4497-A678-B8407454EEE8}"/>
          </ac:spMkLst>
        </pc:spChg>
        <pc:picChg chg="del">
          <ac:chgData name="FUNG, Ka Chun Tim [Student]" userId="S::18059161d@connect.polyu.hk::59ec9a4b-e42f-4c79-9d8e-09d547616725" providerId="AD" clId="Web-{4562BBEE-EB2A-43B0-9E48-3C0C61BA1691}" dt="2021-08-18T00:29:34.621" v="24"/>
          <ac:picMkLst>
            <pc:docMk/>
            <pc:sldMk cId="1619587713" sldId="308"/>
            <ac:picMk id="4" creationId="{C0D2B19E-E836-49BC-ACD1-DC4B1B7EDDF9}"/>
          </ac:picMkLst>
        </pc:picChg>
        <pc:picChg chg="add mod">
          <ac:chgData name="FUNG, Ka Chun Tim [Student]" userId="S::18059161d@connect.polyu.hk::59ec9a4b-e42f-4c79-9d8e-09d547616725" providerId="AD" clId="Web-{4562BBEE-EB2A-43B0-9E48-3C0C61BA1691}" dt="2021-08-18T00:28:17.319" v="22" actId="1076"/>
          <ac:picMkLst>
            <pc:docMk/>
            <pc:sldMk cId="1619587713" sldId="308"/>
            <ac:picMk id="5" creationId="{FB7798A4-23D1-41B6-BC18-3A1C04784A76}"/>
          </ac:picMkLst>
        </pc:picChg>
        <pc:picChg chg="add mod">
          <ac:chgData name="FUNG, Ka Chun Tim [Student]" userId="S::18059161d@connect.polyu.hk::59ec9a4b-e42f-4c79-9d8e-09d547616725" providerId="AD" clId="Web-{4562BBEE-EB2A-43B0-9E48-3C0C61BA1691}" dt="2021-08-18T00:30:20.765" v="28" actId="1076"/>
          <ac:picMkLst>
            <pc:docMk/>
            <pc:sldMk cId="1619587713" sldId="308"/>
            <ac:picMk id="8" creationId="{953D9789-57DC-4758-8371-25C55E965234}"/>
          </ac:picMkLst>
        </pc:picChg>
        <pc:picChg chg="del">
          <ac:chgData name="FUNG, Ka Chun Tim [Student]" userId="S::18059161d@connect.polyu.hk::59ec9a4b-e42f-4c79-9d8e-09d547616725" providerId="AD" clId="Web-{4562BBEE-EB2A-43B0-9E48-3C0C61BA1691}" dt="2021-08-18T00:29:32.058" v="23"/>
          <ac:picMkLst>
            <pc:docMk/>
            <pc:sldMk cId="1619587713" sldId="308"/>
            <ac:picMk id="21" creationId="{A2F7069A-2D16-48CB-B7D8-AD7840C20A5C}"/>
          </ac:picMkLst>
        </pc:picChg>
      </pc:sldChg>
    </pc:docChg>
  </pc:docChgLst>
  <pc:docChgLst>
    <pc:chgData name="CHEUNG, Hiu Ching Athena [Student]" userId="S::18049261d@connect.polyu.hk::03cc0922-5853-4d01-aac9-cbffaf26e9d9" providerId="AD" clId="Web-{A881693A-73F5-766E-4BFC-86C038E1429B}"/>
    <pc:docChg chg="modSld">
      <pc:chgData name="CHEUNG, Hiu Ching Athena [Student]" userId="S::18049261d@connect.polyu.hk::03cc0922-5853-4d01-aac9-cbffaf26e9d9" providerId="AD" clId="Web-{A881693A-73F5-766E-4BFC-86C038E1429B}" dt="2021-12-16T06:01:56.716" v="8"/>
      <pc:docMkLst>
        <pc:docMk/>
      </pc:docMkLst>
      <pc:sldChg chg="addSp delSp">
        <pc:chgData name="CHEUNG, Hiu Ching Athena [Student]" userId="S::18049261d@connect.polyu.hk::03cc0922-5853-4d01-aac9-cbffaf26e9d9" providerId="AD" clId="Web-{A881693A-73F5-766E-4BFC-86C038E1429B}" dt="2021-12-16T06:01:56.716" v="8"/>
        <pc:sldMkLst>
          <pc:docMk/>
          <pc:sldMk cId="0" sldId="256"/>
        </pc:sldMkLst>
        <pc:spChg chg="add">
          <ac:chgData name="CHEUNG, Hiu Ching Athena [Student]" userId="S::18049261d@connect.polyu.hk::03cc0922-5853-4d01-aac9-cbffaf26e9d9" providerId="AD" clId="Web-{A881693A-73F5-766E-4BFC-86C038E1429B}" dt="2021-12-16T06:01:19.138" v="0"/>
          <ac:spMkLst>
            <pc:docMk/>
            <pc:sldMk cId="0" sldId="256"/>
            <ac:spMk id="2" creationId="{77A731EB-6D68-4FCF-B00D-78E3A67C41CB}"/>
          </ac:spMkLst>
        </pc:spChg>
        <pc:spChg chg="add del">
          <ac:chgData name="CHEUNG, Hiu Ching Athena [Student]" userId="S::18049261d@connect.polyu.hk::03cc0922-5853-4d01-aac9-cbffaf26e9d9" providerId="AD" clId="Web-{A881693A-73F5-766E-4BFC-86C038E1429B}" dt="2021-12-16T06:01:56.716" v="8"/>
          <ac:spMkLst>
            <pc:docMk/>
            <pc:sldMk cId="0" sldId="256"/>
            <ac:spMk id="3" creationId="{A5B460F4-FCE7-4016-9C11-0F996A23F6F5}"/>
          </ac:spMkLst>
        </pc:spChg>
        <pc:spChg chg="add del">
          <ac:chgData name="CHEUNG, Hiu Ching Athena [Student]" userId="S::18049261d@connect.polyu.hk::03cc0922-5853-4d01-aac9-cbffaf26e9d9" providerId="AD" clId="Web-{A881693A-73F5-766E-4BFC-86C038E1429B}" dt="2021-12-16T06:01:54.076" v="7"/>
          <ac:spMkLst>
            <pc:docMk/>
            <pc:sldMk cId="0" sldId="256"/>
            <ac:spMk id="4" creationId="{D91AF2FC-22A1-425F-A3A1-02C6DB096728}"/>
          </ac:spMkLst>
        </pc:spChg>
        <pc:spChg chg="add del">
          <ac:chgData name="CHEUNG, Hiu Ching Athena [Student]" userId="S::18049261d@connect.polyu.hk::03cc0922-5853-4d01-aac9-cbffaf26e9d9" providerId="AD" clId="Web-{A881693A-73F5-766E-4BFC-86C038E1429B}" dt="2021-12-16T06:01:52.560" v="6"/>
          <ac:spMkLst>
            <pc:docMk/>
            <pc:sldMk cId="0" sldId="256"/>
            <ac:spMk id="5" creationId="{BBF52D9F-2C39-459B-AC5B-91DEF5F801CD}"/>
          </ac:spMkLst>
        </pc:spChg>
        <pc:spChg chg="add del">
          <ac:chgData name="CHEUNG, Hiu Ching Athena [Student]" userId="S::18049261d@connect.polyu.hk::03cc0922-5853-4d01-aac9-cbffaf26e9d9" providerId="AD" clId="Web-{A881693A-73F5-766E-4BFC-86C038E1429B}" dt="2021-12-16T06:01:51.638" v="5"/>
          <ac:spMkLst>
            <pc:docMk/>
            <pc:sldMk cId="0" sldId="256"/>
            <ac:spMk id="6" creationId="{47BA9132-8090-4291-814D-A853669129D4}"/>
          </ac:spMkLst>
        </pc:spChg>
      </pc:sldChg>
    </pc:docChg>
  </pc:docChgLst>
  <pc:docChgLst>
    <pc:chgData name="FUNG, Ka Chun Tim [Student]" userId="S::18059161d@connect.polyu.hk::59ec9a4b-e42f-4c79-9d8e-09d547616725" providerId="AD" clId="Web-{6F7EEB39-09D2-0103-887D-3E74DE8A27DB}"/>
    <pc:docChg chg="modSld">
      <pc:chgData name="FUNG, Ka Chun Tim [Student]" userId="S::18059161d@connect.polyu.hk::59ec9a4b-e42f-4c79-9d8e-09d547616725" providerId="AD" clId="Web-{6F7EEB39-09D2-0103-887D-3E74DE8A27DB}" dt="2021-10-31T16:53:20.145" v="36" actId="20577"/>
      <pc:docMkLst>
        <pc:docMk/>
      </pc:docMkLst>
      <pc:sldChg chg="modSp">
        <pc:chgData name="FUNG, Ka Chun Tim [Student]" userId="S::18059161d@connect.polyu.hk::59ec9a4b-e42f-4c79-9d8e-09d547616725" providerId="AD" clId="Web-{6F7EEB39-09D2-0103-887D-3E74DE8A27DB}" dt="2021-10-31T16:44:35.007" v="1" actId="20577"/>
        <pc:sldMkLst>
          <pc:docMk/>
          <pc:sldMk cId="0" sldId="256"/>
        </pc:sldMkLst>
        <pc:spChg chg="mod">
          <ac:chgData name="FUNG, Ka Chun Tim [Student]" userId="S::18059161d@connect.polyu.hk::59ec9a4b-e42f-4c79-9d8e-09d547616725" providerId="AD" clId="Web-{6F7EEB39-09D2-0103-887D-3E74DE8A27DB}" dt="2021-10-31T16:44:35.007" v="1" actId="20577"/>
          <ac:spMkLst>
            <pc:docMk/>
            <pc:sldMk cId="0" sldId="256"/>
            <ac:spMk id="190" creationId="{00000000-0000-0000-0000-000000000000}"/>
          </ac:spMkLst>
        </pc:spChg>
      </pc:sldChg>
      <pc:sldChg chg="modSp">
        <pc:chgData name="FUNG, Ka Chun Tim [Student]" userId="S::18059161d@connect.polyu.hk::59ec9a4b-e42f-4c79-9d8e-09d547616725" providerId="AD" clId="Web-{6F7EEB39-09D2-0103-887D-3E74DE8A27DB}" dt="2021-10-31T16:44:58.570" v="2" actId="14100"/>
        <pc:sldMkLst>
          <pc:docMk/>
          <pc:sldMk cId="3676948722" sldId="309"/>
        </pc:sldMkLst>
        <pc:spChg chg="mod">
          <ac:chgData name="FUNG, Ka Chun Tim [Student]" userId="S::18059161d@connect.polyu.hk::59ec9a4b-e42f-4c79-9d8e-09d547616725" providerId="AD" clId="Web-{6F7EEB39-09D2-0103-887D-3E74DE8A27DB}" dt="2021-10-31T16:44:58.570" v="2" actId="14100"/>
          <ac:spMkLst>
            <pc:docMk/>
            <pc:sldMk cId="3676948722" sldId="309"/>
            <ac:spMk id="4" creationId="{594FB4F1-4B24-4DDC-9BFF-24A55151C627}"/>
          </ac:spMkLst>
        </pc:spChg>
      </pc:sldChg>
      <pc:sldChg chg="modSp">
        <pc:chgData name="FUNG, Ka Chun Tim [Student]" userId="S::18059161d@connect.polyu.hk::59ec9a4b-e42f-4c79-9d8e-09d547616725" providerId="AD" clId="Web-{6F7EEB39-09D2-0103-887D-3E74DE8A27DB}" dt="2021-10-31T16:53:20.145" v="36" actId="20577"/>
        <pc:sldMkLst>
          <pc:docMk/>
          <pc:sldMk cId="3093510988" sldId="313"/>
        </pc:sldMkLst>
        <pc:spChg chg="mod">
          <ac:chgData name="FUNG, Ka Chun Tim [Student]" userId="S::18059161d@connect.polyu.hk::59ec9a4b-e42f-4c79-9d8e-09d547616725" providerId="AD" clId="Web-{6F7EEB39-09D2-0103-887D-3E74DE8A27DB}" dt="2021-10-31T16:53:20.145" v="36" actId="20577"/>
          <ac:spMkLst>
            <pc:docMk/>
            <pc:sldMk cId="3093510988" sldId="313"/>
            <ac:spMk id="7" creationId="{B34CC871-BDD7-425C-B3E7-84BDF0E829B7}"/>
          </ac:spMkLst>
        </pc:spChg>
      </pc:sldChg>
    </pc:docChg>
  </pc:docChgLst>
  <pc:docChgLst>
    <pc:chgData name="CHEUNG, Hiu Ching Athena [Student]" userId="S::18049261d@connect.polyu.hk::03cc0922-5853-4d01-aac9-cbffaf26e9d9" providerId="AD" clId="Web-{AB1ECAD4-ADB7-DE03-9D06-4714154499CE}"/>
    <pc:docChg chg="modSld">
      <pc:chgData name="CHEUNG, Hiu Ching Athena [Student]" userId="S::18049261d@connect.polyu.hk::03cc0922-5853-4d01-aac9-cbffaf26e9d9" providerId="AD" clId="Web-{AB1ECAD4-ADB7-DE03-9D06-4714154499CE}" dt="2021-08-19T14:08:17.969" v="15" actId="1076"/>
      <pc:docMkLst>
        <pc:docMk/>
      </pc:docMkLst>
      <pc:sldChg chg="modSp">
        <pc:chgData name="CHEUNG, Hiu Ching Athena [Student]" userId="S::18049261d@connect.polyu.hk::03cc0922-5853-4d01-aac9-cbffaf26e9d9" providerId="AD" clId="Web-{AB1ECAD4-ADB7-DE03-9D06-4714154499CE}" dt="2021-08-19T13:39:24.787" v="3" actId="20577"/>
        <pc:sldMkLst>
          <pc:docMk/>
          <pc:sldMk cId="499293948" sldId="304"/>
        </pc:sldMkLst>
        <pc:spChg chg="mod">
          <ac:chgData name="CHEUNG, Hiu Ching Athena [Student]" userId="S::18049261d@connect.polyu.hk::03cc0922-5853-4d01-aac9-cbffaf26e9d9" providerId="AD" clId="Web-{AB1ECAD4-ADB7-DE03-9D06-4714154499CE}" dt="2021-08-19T13:39:24.787" v="3" actId="20577"/>
          <ac:spMkLst>
            <pc:docMk/>
            <pc:sldMk cId="499293948" sldId="304"/>
            <ac:spMk id="16" creationId="{160F6E03-22BB-48F7-AF93-AC84700AA67F}"/>
          </ac:spMkLst>
        </pc:spChg>
      </pc:sldChg>
      <pc:sldChg chg="modSp">
        <pc:chgData name="CHEUNG, Hiu Ching Athena [Student]" userId="S::18049261d@connect.polyu.hk::03cc0922-5853-4d01-aac9-cbffaf26e9d9" providerId="AD" clId="Web-{AB1ECAD4-ADB7-DE03-9D06-4714154499CE}" dt="2021-08-19T14:08:17.969" v="15" actId="1076"/>
        <pc:sldMkLst>
          <pc:docMk/>
          <pc:sldMk cId="3944267863" sldId="305"/>
        </pc:sldMkLst>
        <pc:spChg chg="mod">
          <ac:chgData name="CHEUNG, Hiu Ching Athena [Student]" userId="S::18049261d@connect.polyu.hk::03cc0922-5853-4d01-aac9-cbffaf26e9d9" providerId="AD" clId="Web-{AB1ECAD4-ADB7-DE03-9D06-4714154499CE}" dt="2021-08-19T14:08:17.969" v="15" actId="1076"/>
          <ac:spMkLst>
            <pc:docMk/>
            <pc:sldMk cId="3944267863" sldId="305"/>
            <ac:spMk id="12" creationId="{35982F01-ED23-45F8-85CD-F247A7915531}"/>
          </ac:spMkLst>
        </pc:spChg>
      </pc:sldChg>
      <pc:sldChg chg="modSp">
        <pc:chgData name="CHEUNG, Hiu Ching Athena [Student]" userId="S::18049261d@connect.polyu.hk::03cc0922-5853-4d01-aac9-cbffaf26e9d9" providerId="AD" clId="Web-{AB1ECAD4-ADB7-DE03-9D06-4714154499CE}" dt="2021-08-19T14:00:25.128" v="13" actId="20577"/>
        <pc:sldMkLst>
          <pc:docMk/>
          <pc:sldMk cId="1619587713" sldId="308"/>
        </pc:sldMkLst>
        <pc:spChg chg="mod">
          <ac:chgData name="CHEUNG, Hiu Ching Athena [Student]" userId="S::18049261d@connect.polyu.hk::03cc0922-5853-4d01-aac9-cbffaf26e9d9" providerId="AD" clId="Web-{AB1ECAD4-ADB7-DE03-9D06-4714154499CE}" dt="2021-08-19T14:00:25.128" v="13" actId="20577"/>
          <ac:spMkLst>
            <pc:docMk/>
            <pc:sldMk cId="1619587713" sldId="308"/>
            <ac:spMk id="298" creationId="{00000000-0000-0000-0000-000000000000}"/>
          </ac:spMkLst>
        </pc:spChg>
      </pc:sldChg>
      <pc:sldChg chg="modSp">
        <pc:chgData name="CHEUNG, Hiu Ching Athena [Student]" userId="S::18049261d@connect.polyu.hk::03cc0922-5853-4d01-aac9-cbffaf26e9d9" providerId="AD" clId="Web-{AB1ECAD4-ADB7-DE03-9D06-4714154499CE}" dt="2021-08-19T13:39:46.256" v="5"/>
        <pc:sldMkLst>
          <pc:docMk/>
          <pc:sldMk cId="3676948722" sldId="309"/>
        </pc:sldMkLst>
        <pc:graphicFrameChg chg="mod modGraphic">
          <ac:chgData name="CHEUNG, Hiu Ching Athena [Student]" userId="S::18049261d@connect.polyu.hk::03cc0922-5853-4d01-aac9-cbffaf26e9d9" providerId="AD" clId="Web-{AB1ECAD4-ADB7-DE03-9D06-4714154499CE}" dt="2021-08-19T13:39:46.256" v="5"/>
          <ac:graphicFrameMkLst>
            <pc:docMk/>
            <pc:sldMk cId="3676948722" sldId="309"/>
            <ac:graphicFrameMk id="2" creationId="{BDF47525-78B1-48E8-A41E-D2E22CF5BEB2}"/>
          </ac:graphicFrameMkLst>
        </pc:graphicFrameChg>
      </pc:sldChg>
    </pc:docChg>
  </pc:docChgLst>
  <pc:docChgLst>
    <pc:chgData name="CHEUNG, Hiu Ching Athena [Student]" userId="S::18049261d@connect.polyu.hk::03cc0922-5853-4d01-aac9-cbffaf26e9d9" providerId="AD" clId="Web-{DF7BD900-4D9F-CE56-FEE6-C186CAE4099B}"/>
    <pc:docChg chg="modSld">
      <pc:chgData name="CHEUNG, Hiu Ching Athena [Student]" userId="S::18049261d@connect.polyu.hk::03cc0922-5853-4d01-aac9-cbffaf26e9d9" providerId="AD" clId="Web-{DF7BD900-4D9F-CE56-FEE6-C186CAE4099B}" dt="2021-08-25T05:32:09.283" v="1" actId="20577"/>
      <pc:docMkLst>
        <pc:docMk/>
      </pc:docMkLst>
      <pc:sldChg chg="modSp">
        <pc:chgData name="CHEUNG, Hiu Ching Athena [Student]" userId="S::18049261d@connect.polyu.hk::03cc0922-5853-4d01-aac9-cbffaf26e9d9" providerId="AD" clId="Web-{DF7BD900-4D9F-CE56-FEE6-C186CAE4099B}" dt="2021-08-25T05:32:09.283" v="1" actId="20577"/>
        <pc:sldMkLst>
          <pc:docMk/>
          <pc:sldMk cId="0" sldId="256"/>
        </pc:sldMkLst>
        <pc:spChg chg="mod">
          <ac:chgData name="CHEUNG, Hiu Ching Athena [Student]" userId="S::18049261d@connect.polyu.hk::03cc0922-5853-4d01-aac9-cbffaf26e9d9" providerId="AD" clId="Web-{DF7BD900-4D9F-CE56-FEE6-C186CAE4099B}" dt="2021-08-25T05:32:09.283" v="1" actId="20577"/>
          <ac:spMkLst>
            <pc:docMk/>
            <pc:sldMk cId="0" sldId="256"/>
            <ac:spMk id="190" creationId="{00000000-0000-0000-0000-000000000000}"/>
          </ac:spMkLst>
        </pc:spChg>
      </pc:sldChg>
    </pc:docChg>
  </pc:docChgLst>
  <pc:docChgLst>
    <pc:chgData name="CHEUNG, Hiu Ching Athena [Student]" userId="03cc0922-5853-4d01-aac9-cbffaf26e9d9" providerId="ADAL" clId="{75A4E50C-B6AD-42BD-9361-1B134B78EFBE}"/>
    <pc:docChg chg="custSel delSld modSld">
      <pc:chgData name="CHEUNG, Hiu Ching Athena [Student]" userId="03cc0922-5853-4d01-aac9-cbffaf26e9d9" providerId="ADAL" clId="{75A4E50C-B6AD-42BD-9361-1B134B78EFBE}" dt="2021-08-11T03:10:27.062" v="24" actId="20577"/>
      <pc:docMkLst>
        <pc:docMk/>
      </pc:docMkLst>
      <pc:sldChg chg="modSp mod">
        <pc:chgData name="CHEUNG, Hiu Ching Athena [Student]" userId="03cc0922-5853-4d01-aac9-cbffaf26e9d9" providerId="ADAL" clId="{75A4E50C-B6AD-42BD-9361-1B134B78EFBE}" dt="2021-08-11T03:10:27.062" v="24" actId="20577"/>
        <pc:sldMkLst>
          <pc:docMk/>
          <pc:sldMk cId="0" sldId="256"/>
        </pc:sldMkLst>
        <pc:spChg chg="mod">
          <ac:chgData name="CHEUNG, Hiu Ching Athena [Student]" userId="03cc0922-5853-4d01-aac9-cbffaf26e9d9" providerId="ADAL" clId="{75A4E50C-B6AD-42BD-9361-1B134B78EFBE}" dt="2021-08-11T03:10:27.062" v="24" actId="20577"/>
          <ac:spMkLst>
            <pc:docMk/>
            <pc:sldMk cId="0" sldId="256"/>
            <ac:spMk id="190" creationId="{00000000-0000-0000-0000-000000000000}"/>
          </ac:spMkLst>
        </pc:spChg>
      </pc:sldChg>
      <pc:sldChg chg="del">
        <pc:chgData name="CHEUNG, Hiu Ching Athena [Student]" userId="03cc0922-5853-4d01-aac9-cbffaf26e9d9" providerId="ADAL" clId="{75A4E50C-B6AD-42BD-9361-1B134B78EFBE}" dt="2021-08-10T16:20:22.079" v="9" actId="47"/>
        <pc:sldMkLst>
          <pc:docMk/>
          <pc:sldMk cId="0" sldId="267"/>
        </pc:sldMkLst>
      </pc:sldChg>
      <pc:sldChg chg="del">
        <pc:chgData name="CHEUNG, Hiu Ching Athena [Student]" userId="03cc0922-5853-4d01-aac9-cbffaf26e9d9" providerId="ADAL" clId="{75A4E50C-B6AD-42BD-9361-1B134B78EFBE}" dt="2021-08-10T16:20:24.699" v="10" actId="47"/>
        <pc:sldMkLst>
          <pc:docMk/>
          <pc:sldMk cId="0" sldId="268"/>
        </pc:sldMkLst>
      </pc:sldChg>
      <pc:sldChg chg="del">
        <pc:chgData name="CHEUNG, Hiu Ching Athena [Student]" userId="03cc0922-5853-4d01-aac9-cbffaf26e9d9" providerId="ADAL" clId="{75A4E50C-B6AD-42BD-9361-1B134B78EFBE}" dt="2021-08-10T16:20:29.251" v="11" actId="47"/>
        <pc:sldMkLst>
          <pc:docMk/>
          <pc:sldMk cId="0" sldId="269"/>
        </pc:sldMkLst>
      </pc:sldChg>
      <pc:sldChg chg="del">
        <pc:chgData name="CHEUNG, Hiu Ching Athena [Student]" userId="03cc0922-5853-4d01-aac9-cbffaf26e9d9" providerId="ADAL" clId="{75A4E50C-B6AD-42BD-9361-1B134B78EFBE}" dt="2021-08-10T16:19:50.030" v="3" actId="47"/>
        <pc:sldMkLst>
          <pc:docMk/>
          <pc:sldMk cId="0" sldId="274"/>
        </pc:sldMkLst>
      </pc:sldChg>
      <pc:sldChg chg="del">
        <pc:chgData name="CHEUNG, Hiu Ching Athena [Student]" userId="03cc0922-5853-4d01-aac9-cbffaf26e9d9" providerId="ADAL" clId="{75A4E50C-B6AD-42BD-9361-1B134B78EFBE}" dt="2021-08-10T16:19:56.399" v="4" actId="47"/>
        <pc:sldMkLst>
          <pc:docMk/>
          <pc:sldMk cId="0" sldId="277"/>
        </pc:sldMkLst>
      </pc:sldChg>
      <pc:sldChg chg="del">
        <pc:chgData name="CHEUNG, Hiu Ching Athena [Student]" userId="03cc0922-5853-4d01-aac9-cbffaf26e9d9" providerId="ADAL" clId="{75A4E50C-B6AD-42BD-9361-1B134B78EFBE}" dt="2021-08-10T16:20:02.494" v="5" actId="47"/>
        <pc:sldMkLst>
          <pc:docMk/>
          <pc:sldMk cId="0" sldId="278"/>
        </pc:sldMkLst>
      </pc:sldChg>
      <pc:sldChg chg="del">
        <pc:chgData name="CHEUNG, Hiu Ching Athena [Student]" userId="03cc0922-5853-4d01-aac9-cbffaf26e9d9" providerId="ADAL" clId="{75A4E50C-B6AD-42BD-9361-1B134B78EFBE}" dt="2021-08-10T16:20:10.972" v="6" actId="47"/>
        <pc:sldMkLst>
          <pc:docMk/>
          <pc:sldMk cId="0" sldId="283"/>
        </pc:sldMkLst>
      </pc:sldChg>
      <pc:sldChg chg="del">
        <pc:chgData name="CHEUNG, Hiu Ching Athena [Student]" userId="03cc0922-5853-4d01-aac9-cbffaf26e9d9" providerId="ADAL" clId="{75A4E50C-B6AD-42BD-9361-1B134B78EFBE}" dt="2021-08-10T16:20:12.316" v="7" actId="47"/>
        <pc:sldMkLst>
          <pc:docMk/>
          <pc:sldMk cId="0" sldId="284"/>
        </pc:sldMkLst>
      </pc:sldChg>
      <pc:sldChg chg="del">
        <pc:chgData name="CHEUNG, Hiu Ching Athena [Student]" userId="03cc0922-5853-4d01-aac9-cbffaf26e9d9" providerId="ADAL" clId="{75A4E50C-B6AD-42BD-9361-1B134B78EFBE}" dt="2021-08-10T16:20:16.840" v="8" actId="47"/>
        <pc:sldMkLst>
          <pc:docMk/>
          <pc:sldMk cId="0" sldId="295"/>
        </pc:sldMkLst>
      </pc:sldChg>
      <pc:sldChg chg="delSp mod">
        <pc:chgData name="CHEUNG, Hiu Ching Athena [Student]" userId="03cc0922-5853-4d01-aac9-cbffaf26e9d9" providerId="ADAL" clId="{75A4E50C-B6AD-42BD-9361-1B134B78EFBE}" dt="2021-08-10T16:19:22.609" v="0" actId="478"/>
        <pc:sldMkLst>
          <pc:docMk/>
          <pc:sldMk cId="3277186160" sldId="296"/>
        </pc:sldMkLst>
        <pc:spChg chg="del">
          <ac:chgData name="CHEUNG, Hiu Ching Athena [Student]" userId="03cc0922-5853-4d01-aac9-cbffaf26e9d9" providerId="ADAL" clId="{75A4E50C-B6AD-42BD-9361-1B134B78EFBE}" dt="2021-08-10T16:19:22.609" v="0" actId="478"/>
          <ac:spMkLst>
            <pc:docMk/>
            <pc:sldMk cId="3277186160" sldId="296"/>
            <ac:spMk id="7" creationId="{F27F9AB9-47DD-408D-9223-59D391A07F50}"/>
          </ac:spMkLst>
        </pc:spChg>
      </pc:sldChg>
      <pc:sldChg chg="delSp mod">
        <pc:chgData name="CHEUNG, Hiu Ching Athena [Student]" userId="03cc0922-5853-4d01-aac9-cbffaf26e9d9" providerId="ADAL" clId="{75A4E50C-B6AD-42BD-9361-1B134B78EFBE}" dt="2021-08-10T16:19:25.374" v="1" actId="478"/>
        <pc:sldMkLst>
          <pc:docMk/>
          <pc:sldMk cId="677456615" sldId="297"/>
        </pc:sldMkLst>
        <pc:spChg chg="del">
          <ac:chgData name="CHEUNG, Hiu Ching Athena [Student]" userId="03cc0922-5853-4d01-aac9-cbffaf26e9d9" providerId="ADAL" clId="{75A4E50C-B6AD-42BD-9361-1B134B78EFBE}" dt="2021-08-10T16:19:25.374" v="1" actId="478"/>
          <ac:spMkLst>
            <pc:docMk/>
            <pc:sldMk cId="677456615" sldId="297"/>
            <ac:spMk id="5" creationId="{FABC5564-4008-44E4-AC1F-A472D8217989}"/>
          </ac:spMkLst>
        </pc:spChg>
      </pc:sldChg>
      <pc:sldChg chg="delSp mod">
        <pc:chgData name="CHEUNG, Hiu Ching Athena [Student]" userId="03cc0922-5853-4d01-aac9-cbffaf26e9d9" providerId="ADAL" clId="{75A4E50C-B6AD-42BD-9361-1B134B78EFBE}" dt="2021-08-10T16:19:28.062" v="2" actId="478"/>
        <pc:sldMkLst>
          <pc:docMk/>
          <pc:sldMk cId="4240448844" sldId="298"/>
        </pc:sldMkLst>
        <pc:spChg chg="del">
          <ac:chgData name="CHEUNG, Hiu Ching Athena [Student]" userId="03cc0922-5853-4d01-aac9-cbffaf26e9d9" providerId="ADAL" clId="{75A4E50C-B6AD-42BD-9361-1B134B78EFBE}" dt="2021-08-10T16:19:28.062" v="2" actId="478"/>
          <ac:spMkLst>
            <pc:docMk/>
            <pc:sldMk cId="4240448844" sldId="298"/>
            <ac:spMk id="5" creationId="{2A9DFA56-DFD9-41E0-80D0-54FD81F436B7}"/>
          </ac:spMkLst>
        </pc:spChg>
      </pc:sldChg>
      <pc:sldMasterChg chg="delSldLayout">
        <pc:chgData name="CHEUNG, Hiu Ching Athena [Student]" userId="03cc0922-5853-4d01-aac9-cbffaf26e9d9" providerId="ADAL" clId="{75A4E50C-B6AD-42BD-9361-1B134B78EFBE}" dt="2021-08-10T16:20:29.251" v="11" actId="47"/>
        <pc:sldMasterMkLst>
          <pc:docMk/>
          <pc:sldMasterMk cId="0" sldId="2147483669"/>
        </pc:sldMasterMkLst>
        <pc:sldLayoutChg chg="del">
          <pc:chgData name="CHEUNG, Hiu Ching Athena [Student]" userId="03cc0922-5853-4d01-aac9-cbffaf26e9d9" providerId="ADAL" clId="{75A4E50C-B6AD-42BD-9361-1B134B78EFBE}" dt="2021-08-10T16:19:50.030" v="3" actId="47"/>
          <pc:sldLayoutMkLst>
            <pc:docMk/>
            <pc:sldMasterMk cId="0" sldId="2147483669"/>
            <pc:sldLayoutMk cId="0" sldId="2147483653"/>
          </pc:sldLayoutMkLst>
        </pc:sldLayoutChg>
        <pc:sldLayoutChg chg="del">
          <pc:chgData name="CHEUNG, Hiu Ching Athena [Student]" userId="03cc0922-5853-4d01-aac9-cbffaf26e9d9" providerId="ADAL" clId="{75A4E50C-B6AD-42BD-9361-1B134B78EFBE}" dt="2021-08-10T16:20:22.079" v="9" actId="47"/>
          <pc:sldLayoutMkLst>
            <pc:docMk/>
            <pc:sldMasterMk cId="0" sldId="2147483669"/>
            <pc:sldLayoutMk cId="0" sldId="2147483656"/>
          </pc:sldLayoutMkLst>
        </pc:sldLayoutChg>
        <pc:sldLayoutChg chg="del">
          <pc:chgData name="CHEUNG, Hiu Ching Athena [Student]" userId="03cc0922-5853-4d01-aac9-cbffaf26e9d9" providerId="ADAL" clId="{75A4E50C-B6AD-42BD-9361-1B134B78EFBE}" dt="2021-08-10T16:20:29.251" v="11" actId="47"/>
          <pc:sldLayoutMkLst>
            <pc:docMk/>
            <pc:sldMasterMk cId="0" sldId="2147483669"/>
            <pc:sldLayoutMk cId="0" sldId="2147483663"/>
          </pc:sldLayoutMkLst>
        </pc:sldLayoutChg>
        <pc:sldLayoutChg chg="del">
          <pc:chgData name="CHEUNG, Hiu Ching Athena [Student]" userId="03cc0922-5853-4d01-aac9-cbffaf26e9d9" providerId="ADAL" clId="{75A4E50C-B6AD-42BD-9361-1B134B78EFBE}" dt="2021-08-10T16:19:56.399" v="4" actId="47"/>
          <pc:sldLayoutMkLst>
            <pc:docMk/>
            <pc:sldMasterMk cId="0" sldId="2147483669"/>
            <pc:sldLayoutMk cId="0" sldId="2147483665"/>
          </pc:sldLayoutMkLst>
        </pc:sldLayoutChg>
      </pc:sldMasterChg>
    </pc:docChg>
  </pc:docChgLst>
  <pc:docChgLst>
    <pc:chgData name="Ka Chun" userId="59ec9a4b-e42f-4c79-9d8e-09d547616725" providerId="ADAL" clId="{11342C65-FDA5-46AB-8C1C-E1C03BB54E80}"/>
    <pc:docChg chg="undo custSel addSld delSld modSld sldOrd">
      <pc:chgData name="Ka Chun" userId="59ec9a4b-e42f-4c79-9d8e-09d547616725" providerId="ADAL" clId="{11342C65-FDA5-46AB-8C1C-E1C03BB54E80}" dt="2021-08-16T12:16:30.975" v="633" actId="20577"/>
      <pc:docMkLst>
        <pc:docMk/>
      </pc:docMkLst>
      <pc:sldChg chg="addSp delSp modSp mod">
        <pc:chgData name="Ka Chun" userId="59ec9a4b-e42f-4c79-9d8e-09d547616725" providerId="ADAL" clId="{11342C65-FDA5-46AB-8C1C-E1C03BB54E80}" dt="2021-08-16T12:12:46.233" v="627" actId="20577"/>
        <pc:sldMkLst>
          <pc:docMk/>
          <pc:sldMk cId="2994908211" sldId="302"/>
        </pc:sldMkLst>
        <pc:spChg chg="add mod">
          <ac:chgData name="Ka Chun" userId="59ec9a4b-e42f-4c79-9d8e-09d547616725" providerId="ADAL" clId="{11342C65-FDA5-46AB-8C1C-E1C03BB54E80}" dt="2021-08-16T11:51:35.526" v="518" actId="20577"/>
          <ac:spMkLst>
            <pc:docMk/>
            <pc:sldMk cId="2994908211" sldId="302"/>
            <ac:spMk id="2" creationId="{33379F66-7D53-4694-AAB2-74DD37DFFB54}"/>
          </ac:spMkLst>
        </pc:spChg>
        <pc:spChg chg="add del mod">
          <ac:chgData name="Ka Chun" userId="59ec9a4b-e42f-4c79-9d8e-09d547616725" providerId="ADAL" clId="{11342C65-FDA5-46AB-8C1C-E1C03BB54E80}" dt="2021-08-13T13:31:48.340" v="389" actId="478"/>
          <ac:spMkLst>
            <pc:docMk/>
            <pc:sldMk cId="2994908211" sldId="302"/>
            <ac:spMk id="3" creationId="{D5647AEE-2980-4B73-B3BD-68F44D14AEE0}"/>
          </ac:spMkLst>
        </pc:spChg>
        <pc:spChg chg="add mod">
          <ac:chgData name="Ka Chun" userId="59ec9a4b-e42f-4c79-9d8e-09d547616725" providerId="ADAL" clId="{11342C65-FDA5-46AB-8C1C-E1C03BB54E80}" dt="2021-08-16T11:53:15.883" v="566" actId="20577"/>
          <ac:spMkLst>
            <pc:docMk/>
            <pc:sldMk cId="2994908211" sldId="302"/>
            <ac:spMk id="3" creationId="{DA269718-81E9-478D-B7B3-5C6EC69A4DE8}"/>
          </ac:spMkLst>
        </pc:spChg>
        <pc:spChg chg="add mod">
          <ac:chgData name="Ka Chun" userId="59ec9a4b-e42f-4c79-9d8e-09d547616725" providerId="ADAL" clId="{11342C65-FDA5-46AB-8C1C-E1C03BB54E80}" dt="2021-08-16T11:53:01.465" v="546" actId="1076"/>
          <ac:spMkLst>
            <pc:docMk/>
            <pc:sldMk cId="2994908211" sldId="302"/>
            <ac:spMk id="8" creationId="{D8F9A8EC-9B16-4C15-BA3F-FC33C505C1FC}"/>
          </ac:spMkLst>
        </pc:spChg>
        <pc:spChg chg="add del mod">
          <ac:chgData name="Ka Chun" userId="59ec9a4b-e42f-4c79-9d8e-09d547616725" providerId="ADAL" clId="{11342C65-FDA5-46AB-8C1C-E1C03BB54E80}" dt="2021-08-16T11:51:57.695" v="522" actId="478"/>
          <ac:spMkLst>
            <pc:docMk/>
            <pc:sldMk cId="2994908211" sldId="302"/>
            <ac:spMk id="9" creationId="{00929ED0-1FA0-4491-A6FD-6B35A79567B7}"/>
          </ac:spMkLst>
        </pc:spChg>
        <pc:spChg chg="add del mod">
          <ac:chgData name="Ka Chun" userId="59ec9a4b-e42f-4c79-9d8e-09d547616725" providerId="ADAL" clId="{11342C65-FDA5-46AB-8C1C-E1C03BB54E80}" dt="2021-08-16T11:52:00.679" v="523" actId="478"/>
          <ac:spMkLst>
            <pc:docMk/>
            <pc:sldMk cId="2994908211" sldId="302"/>
            <ac:spMk id="10" creationId="{8B75564D-907B-47F3-9D97-B3D992D147E4}"/>
          </ac:spMkLst>
        </pc:spChg>
        <pc:spChg chg="add del mod">
          <ac:chgData name="Ka Chun" userId="59ec9a4b-e42f-4c79-9d8e-09d547616725" providerId="ADAL" clId="{11342C65-FDA5-46AB-8C1C-E1C03BB54E80}" dt="2021-08-16T11:52:26.739" v="533" actId="478"/>
          <ac:spMkLst>
            <pc:docMk/>
            <pc:sldMk cId="2994908211" sldId="302"/>
            <ac:spMk id="11" creationId="{D60786C7-925F-4D5A-8C3B-EF81D64562A7}"/>
          </ac:spMkLst>
        </pc:spChg>
        <pc:spChg chg="add del mod">
          <ac:chgData name="Ka Chun" userId="59ec9a4b-e42f-4c79-9d8e-09d547616725" providerId="ADAL" clId="{11342C65-FDA5-46AB-8C1C-E1C03BB54E80}" dt="2021-08-16T11:52:27.837" v="534" actId="478"/>
          <ac:spMkLst>
            <pc:docMk/>
            <pc:sldMk cId="2994908211" sldId="302"/>
            <ac:spMk id="12" creationId="{A1AC6962-6218-4565-8354-3CEAF24FFFF4}"/>
          </ac:spMkLst>
        </pc:spChg>
        <pc:spChg chg="add mod">
          <ac:chgData name="Ka Chun" userId="59ec9a4b-e42f-4c79-9d8e-09d547616725" providerId="ADAL" clId="{11342C65-FDA5-46AB-8C1C-E1C03BB54E80}" dt="2021-08-16T12:12:46.233" v="627" actId="20577"/>
          <ac:spMkLst>
            <pc:docMk/>
            <pc:sldMk cId="2994908211" sldId="302"/>
            <ac:spMk id="15" creationId="{4F84504A-B211-4096-81F5-8766D94E8946}"/>
          </ac:spMkLst>
        </pc:spChg>
      </pc:sldChg>
      <pc:sldChg chg="addSp delSp modSp add mod ord">
        <pc:chgData name="Ka Chun" userId="59ec9a4b-e42f-4c79-9d8e-09d547616725" providerId="ADAL" clId="{11342C65-FDA5-46AB-8C1C-E1C03BB54E80}" dt="2021-08-16T12:16:30.975" v="633" actId="20577"/>
        <pc:sldMkLst>
          <pc:docMk/>
          <pc:sldMk cId="147595832" sldId="307"/>
        </pc:sldMkLst>
        <pc:spChg chg="del">
          <ac:chgData name="Ka Chun" userId="59ec9a4b-e42f-4c79-9d8e-09d547616725" providerId="ADAL" clId="{11342C65-FDA5-46AB-8C1C-E1C03BB54E80}" dt="2021-08-16T11:07:50.765" v="448" actId="478"/>
          <ac:spMkLst>
            <pc:docMk/>
            <pc:sldMk cId="147595832" sldId="307"/>
            <ac:spMk id="2" creationId="{33379F66-7D53-4694-AAB2-74DD37DFFB54}"/>
          </ac:spMkLst>
        </pc:spChg>
        <pc:spChg chg="add mod">
          <ac:chgData name="Ka Chun" userId="59ec9a4b-e42f-4c79-9d8e-09d547616725" providerId="ADAL" clId="{11342C65-FDA5-46AB-8C1C-E1C03BB54E80}" dt="2021-08-16T12:16:30.975" v="633" actId="20577"/>
          <ac:spMkLst>
            <pc:docMk/>
            <pc:sldMk cId="147595832" sldId="307"/>
            <ac:spMk id="3" creationId="{1241C397-B6D5-413B-87F4-AFDBB3C9DF18}"/>
          </ac:spMkLst>
        </pc:spChg>
        <pc:spChg chg="del">
          <ac:chgData name="Ka Chun" userId="59ec9a4b-e42f-4c79-9d8e-09d547616725" providerId="ADAL" clId="{11342C65-FDA5-46AB-8C1C-E1C03BB54E80}" dt="2021-08-16T11:07:50.765" v="448" actId="478"/>
          <ac:spMkLst>
            <pc:docMk/>
            <pc:sldMk cId="147595832" sldId="307"/>
            <ac:spMk id="8" creationId="{D8F9A8EC-9B16-4C15-BA3F-FC33C505C1FC}"/>
          </ac:spMkLst>
        </pc:spChg>
        <pc:spChg chg="del">
          <ac:chgData name="Ka Chun" userId="59ec9a4b-e42f-4c79-9d8e-09d547616725" providerId="ADAL" clId="{11342C65-FDA5-46AB-8C1C-E1C03BB54E80}" dt="2021-08-16T11:07:50.765" v="448" actId="478"/>
          <ac:spMkLst>
            <pc:docMk/>
            <pc:sldMk cId="147595832" sldId="307"/>
            <ac:spMk id="9" creationId="{00929ED0-1FA0-4491-A6FD-6B35A79567B7}"/>
          </ac:spMkLst>
        </pc:spChg>
        <pc:spChg chg="del">
          <ac:chgData name="Ka Chun" userId="59ec9a4b-e42f-4c79-9d8e-09d547616725" providerId="ADAL" clId="{11342C65-FDA5-46AB-8C1C-E1C03BB54E80}" dt="2021-08-16T11:07:50.765" v="448" actId="478"/>
          <ac:spMkLst>
            <pc:docMk/>
            <pc:sldMk cId="147595832" sldId="307"/>
            <ac:spMk id="10" creationId="{8B75564D-907B-47F3-9D97-B3D992D147E4}"/>
          </ac:spMkLst>
        </pc:spChg>
        <pc:spChg chg="del">
          <ac:chgData name="Ka Chun" userId="59ec9a4b-e42f-4c79-9d8e-09d547616725" providerId="ADAL" clId="{11342C65-FDA5-46AB-8C1C-E1C03BB54E80}" dt="2021-08-16T11:07:50.765" v="448" actId="478"/>
          <ac:spMkLst>
            <pc:docMk/>
            <pc:sldMk cId="147595832" sldId="307"/>
            <ac:spMk id="11" creationId="{D60786C7-925F-4D5A-8C3B-EF81D64562A7}"/>
          </ac:spMkLst>
        </pc:spChg>
        <pc:spChg chg="del">
          <ac:chgData name="Ka Chun" userId="59ec9a4b-e42f-4c79-9d8e-09d547616725" providerId="ADAL" clId="{11342C65-FDA5-46AB-8C1C-E1C03BB54E80}" dt="2021-08-16T11:07:52.590" v="449" actId="478"/>
          <ac:spMkLst>
            <pc:docMk/>
            <pc:sldMk cId="147595832" sldId="307"/>
            <ac:spMk id="12" creationId="{A1AC6962-6218-4565-8354-3CEAF24FFFF4}"/>
          </ac:spMkLst>
        </pc:spChg>
        <pc:picChg chg="add mod">
          <ac:chgData name="Ka Chun" userId="59ec9a4b-e42f-4c79-9d8e-09d547616725" providerId="ADAL" clId="{11342C65-FDA5-46AB-8C1C-E1C03BB54E80}" dt="2021-08-16T11:51:28.443" v="508" actId="1076"/>
          <ac:picMkLst>
            <pc:docMk/>
            <pc:sldMk cId="147595832" sldId="307"/>
            <ac:picMk id="1026" creationId="{2092B231-50C5-4967-9F52-94109CEECA61}"/>
          </ac:picMkLst>
        </pc:picChg>
      </pc:sldChg>
      <pc:sldChg chg="addSp delSp modSp add del mod">
        <pc:chgData name="Ka Chun" userId="59ec9a4b-e42f-4c79-9d8e-09d547616725" providerId="ADAL" clId="{11342C65-FDA5-46AB-8C1C-E1C03BB54E80}" dt="2021-08-13T13:55:41.169" v="444" actId="47"/>
        <pc:sldMkLst>
          <pc:docMk/>
          <pc:sldMk cId="280538343" sldId="307"/>
        </pc:sldMkLst>
        <pc:spChg chg="del mod">
          <ac:chgData name="Ka Chun" userId="59ec9a4b-e42f-4c79-9d8e-09d547616725" providerId="ADAL" clId="{11342C65-FDA5-46AB-8C1C-E1C03BB54E80}" dt="2021-08-13T13:55:38.588" v="441" actId="478"/>
          <ac:spMkLst>
            <pc:docMk/>
            <pc:sldMk cId="280538343" sldId="307"/>
            <ac:spMk id="2" creationId="{33379F66-7D53-4694-AAB2-74DD37DFFB54}"/>
          </ac:spMkLst>
        </pc:spChg>
        <pc:spChg chg="add del mod">
          <ac:chgData name="Ka Chun" userId="59ec9a4b-e42f-4c79-9d8e-09d547616725" providerId="ADAL" clId="{11342C65-FDA5-46AB-8C1C-E1C03BB54E80}" dt="2021-08-13T13:55:40.509" v="443" actId="478"/>
          <ac:spMkLst>
            <pc:docMk/>
            <pc:sldMk cId="280538343" sldId="307"/>
            <ac:spMk id="3" creationId="{93B7033C-C77E-4936-8315-4708415645B9}"/>
          </ac:spMkLst>
        </pc:spChg>
        <pc:spChg chg="mod">
          <ac:chgData name="Ka Chun" userId="59ec9a4b-e42f-4c79-9d8e-09d547616725" providerId="ADAL" clId="{11342C65-FDA5-46AB-8C1C-E1C03BB54E80}" dt="2021-08-13T13:31:59.078" v="394" actId="1076"/>
          <ac:spMkLst>
            <pc:docMk/>
            <pc:sldMk cId="280538343" sldId="307"/>
            <ac:spMk id="6" creationId="{5B9E3D7B-A790-428A-9716-F5631392D2D2}"/>
          </ac:spMkLst>
        </pc:spChg>
        <pc:spChg chg="del">
          <ac:chgData name="Ka Chun" userId="59ec9a4b-e42f-4c79-9d8e-09d547616725" providerId="ADAL" clId="{11342C65-FDA5-46AB-8C1C-E1C03BB54E80}" dt="2021-08-13T13:32:03.384" v="395" actId="478"/>
          <ac:spMkLst>
            <pc:docMk/>
            <pc:sldMk cId="280538343" sldId="307"/>
            <ac:spMk id="8" creationId="{D8F9A8EC-9B16-4C15-BA3F-FC33C505C1FC}"/>
          </ac:spMkLst>
        </pc:spChg>
        <pc:spChg chg="del">
          <ac:chgData name="Ka Chun" userId="59ec9a4b-e42f-4c79-9d8e-09d547616725" providerId="ADAL" clId="{11342C65-FDA5-46AB-8C1C-E1C03BB54E80}" dt="2021-08-13T13:32:03.384" v="395" actId="478"/>
          <ac:spMkLst>
            <pc:docMk/>
            <pc:sldMk cId="280538343" sldId="307"/>
            <ac:spMk id="9" creationId="{00929ED0-1FA0-4491-A6FD-6B35A79567B7}"/>
          </ac:spMkLst>
        </pc:spChg>
        <pc:spChg chg="del">
          <ac:chgData name="Ka Chun" userId="59ec9a4b-e42f-4c79-9d8e-09d547616725" providerId="ADAL" clId="{11342C65-FDA5-46AB-8C1C-E1C03BB54E80}" dt="2021-08-13T13:32:03.384" v="395" actId="478"/>
          <ac:spMkLst>
            <pc:docMk/>
            <pc:sldMk cId="280538343" sldId="307"/>
            <ac:spMk id="10" creationId="{8B75564D-907B-47F3-9D97-B3D992D147E4}"/>
          </ac:spMkLst>
        </pc:spChg>
        <pc:spChg chg="del">
          <ac:chgData name="Ka Chun" userId="59ec9a4b-e42f-4c79-9d8e-09d547616725" providerId="ADAL" clId="{11342C65-FDA5-46AB-8C1C-E1C03BB54E80}" dt="2021-08-13T13:32:03.384" v="395" actId="478"/>
          <ac:spMkLst>
            <pc:docMk/>
            <pc:sldMk cId="280538343" sldId="307"/>
            <ac:spMk id="11" creationId="{D60786C7-925F-4D5A-8C3B-EF81D64562A7}"/>
          </ac:spMkLst>
        </pc:spChg>
        <pc:spChg chg="del">
          <ac:chgData name="Ka Chun" userId="59ec9a4b-e42f-4c79-9d8e-09d547616725" providerId="ADAL" clId="{11342C65-FDA5-46AB-8C1C-E1C03BB54E80}" dt="2021-08-13T13:32:03.384" v="395" actId="478"/>
          <ac:spMkLst>
            <pc:docMk/>
            <pc:sldMk cId="280538343" sldId="307"/>
            <ac:spMk id="12" creationId="{A1AC6962-6218-4565-8354-3CEAF24FFFF4}"/>
          </ac:spMkLst>
        </pc:spChg>
        <pc:spChg chg="add del mod">
          <ac:chgData name="Ka Chun" userId="59ec9a4b-e42f-4c79-9d8e-09d547616725" providerId="ADAL" clId="{11342C65-FDA5-46AB-8C1C-E1C03BB54E80}" dt="2021-08-13T13:55:39.475" v="442" actId="478"/>
          <ac:spMkLst>
            <pc:docMk/>
            <pc:sldMk cId="280538343" sldId="307"/>
            <ac:spMk id="15" creationId="{969B2187-3B94-4643-9C97-1CDB1ADF363A}"/>
          </ac:spMkLst>
        </pc:spChg>
      </pc:sldChg>
    </pc:docChg>
  </pc:docChgLst>
  <pc:docChgLst>
    <pc:chgData name="CHEUNG, Hiu Ching Athena [Student]" userId="03cc0922-5853-4d01-aac9-cbffaf26e9d9" providerId="ADAL" clId="{F3C6A390-5BF5-4304-BBA2-BF3D738C5641}"/>
    <pc:docChg chg="undo custSel addSld delSld modSld sldOrd">
      <pc:chgData name="CHEUNG, Hiu Ching Athena [Student]" userId="03cc0922-5853-4d01-aac9-cbffaf26e9d9" providerId="ADAL" clId="{F3C6A390-5BF5-4304-BBA2-BF3D738C5641}" dt="2021-10-04T05:27:15.288" v="1152" actId="1076"/>
      <pc:docMkLst>
        <pc:docMk/>
      </pc:docMkLst>
      <pc:sldChg chg="addSp delSp modSp mod">
        <pc:chgData name="CHEUNG, Hiu Ching Athena [Student]" userId="03cc0922-5853-4d01-aac9-cbffaf26e9d9" providerId="ADAL" clId="{F3C6A390-5BF5-4304-BBA2-BF3D738C5641}" dt="2021-10-02T09:42:19.355" v="1100" actId="20577"/>
        <pc:sldMkLst>
          <pc:docMk/>
          <pc:sldMk cId="0" sldId="256"/>
        </pc:sldMkLst>
        <pc:spChg chg="add mod">
          <ac:chgData name="CHEUNG, Hiu Ching Athena [Student]" userId="03cc0922-5853-4d01-aac9-cbffaf26e9d9" providerId="ADAL" clId="{F3C6A390-5BF5-4304-BBA2-BF3D738C5641}" dt="2021-10-02T09:41:27.370" v="1090" actId="1076"/>
          <ac:spMkLst>
            <pc:docMk/>
            <pc:sldMk cId="0" sldId="256"/>
            <ac:spMk id="78" creationId="{88189CBE-F169-410F-BA39-AA9EBBCC7CA7}"/>
          </ac:spMkLst>
        </pc:spChg>
        <pc:spChg chg="mod">
          <ac:chgData name="CHEUNG, Hiu Ching Athena [Student]" userId="03cc0922-5853-4d01-aac9-cbffaf26e9d9" providerId="ADAL" clId="{F3C6A390-5BF5-4304-BBA2-BF3D738C5641}" dt="2021-10-02T09:41:06.950" v="1085"/>
          <ac:spMkLst>
            <pc:docMk/>
            <pc:sldMk cId="0" sldId="256"/>
            <ac:spMk id="122" creationId="{00000000-0000-0000-0000-000000000000}"/>
          </ac:spMkLst>
        </pc:spChg>
        <pc:spChg chg="mod">
          <ac:chgData name="CHEUNG, Hiu Ching Athena [Student]" userId="03cc0922-5853-4d01-aac9-cbffaf26e9d9" providerId="ADAL" clId="{F3C6A390-5BF5-4304-BBA2-BF3D738C5641}" dt="2021-10-02T09:42:19.355" v="1100" actId="20577"/>
          <ac:spMkLst>
            <pc:docMk/>
            <pc:sldMk cId="0" sldId="256"/>
            <ac:spMk id="190" creationId="{00000000-0000-0000-0000-000000000000}"/>
          </ac:spMkLst>
        </pc:spChg>
        <pc:picChg chg="add del mod">
          <ac:chgData name="CHEUNG, Hiu Ching Athena [Student]" userId="03cc0922-5853-4d01-aac9-cbffaf26e9d9" providerId="ADAL" clId="{F3C6A390-5BF5-4304-BBA2-BF3D738C5641}" dt="2021-10-02T09:40:37.787" v="1081" actId="21"/>
          <ac:picMkLst>
            <pc:docMk/>
            <pc:sldMk cId="0" sldId="256"/>
            <ac:picMk id="3" creationId="{35B8650C-C7AD-4883-B49D-4F5740717259}"/>
          </ac:picMkLst>
        </pc:picChg>
        <pc:picChg chg="add mod">
          <ac:chgData name="CHEUNG, Hiu Ching Athena [Student]" userId="03cc0922-5853-4d01-aac9-cbffaf26e9d9" providerId="ADAL" clId="{F3C6A390-5BF5-4304-BBA2-BF3D738C5641}" dt="2021-10-02T09:42:01.730" v="1094" actId="1076"/>
          <ac:picMkLst>
            <pc:docMk/>
            <pc:sldMk cId="0" sldId="256"/>
            <ac:picMk id="79" creationId="{015F99EA-4662-470B-913A-9A9B570696E4}"/>
          </ac:picMkLst>
        </pc:picChg>
      </pc:sldChg>
      <pc:sldChg chg="modSp mod">
        <pc:chgData name="CHEUNG, Hiu Ching Athena [Student]" userId="03cc0922-5853-4d01-aac9-cbffaf26e9d9" providerId="ADAL" clId="{F3C6A390-5BF5-4304-BBA2-BF3D738C5641}" dt="2021-10-01T13:44:30.155" v="330" actId="20577"/>
        <pc:sldMkLst>
          <pc:docMk/>
          <pc:sldMk cId="0" sldId="258"/>
        </pc:sldMkLst>
        <pc:spChg chg="mod">
          <ac:chgData name="CHEUNG, Hiu Ching Athena [Student]" userId="03cc0922-5853-4d01-aac9-cbffaf26e9d9" providerId="ADAL" clId="{F3C6A390-5BF5-4304-BBA2-BF3D738C5641}" dt="2021-10-01T13:44:11.538" v="329" actId="20577"/>
          <ac:spMkLst>
            <pc:docMk/>
            <pc:sldMk cId="0" sldId="258"/>
            <ac:spMk id="211" creationId="{00000000-0000-0000-0000-000000000000}"/>
          </ac:spMkLst>
        </pc:spChg>
        <pc:spChg chg="mod">
          <ac:chgData name="CHEUNG, Hiu Ching Athena [Student]" userId="03cc0922-5853-4d01-aac9-cbffaf26e9d9" providerId="ADAL" clId="{F3C6A390-5BF5-4304-BBA2-BF3D738C5641}" dt="2021-10-01T13:44:30.155" v="330" actId="20577"/>
          <ac:spMkLst>
            <pc:docMk/>
            <pc:sldMk cId="0" sldId="258"/>
            <ac:spMk id="212" creationId="{00000000-0000-0000-0000-000000000000}"/>
          </ac:spMkLst>
        </pc:spChg>
      </pc:sldChg>
      <pc:sldChg chg="addSp delSp modSp mod">
        <pc:chgData name="CHEUNG, Hiu Ching Athena [Student]" userId="03cc0922-5853-4d01-aac9-cbffaf26e9d9" providerId="ADAL" clId="{F3C6A390-5BF5-4304-BBA2-BF3D738C5641}" dt="2021-10-02T09:42:57.803" v="1106" actId="478"/>
        <pc:sldMkLst>
          <pc:docMk/>
          <pc:sldMk cId="0" sldId="263"/>
        </pc:sldMkLst>
        <pc:picChg chg="add del mod">
          <ac:chgData name="CHEUNG, Hiu Ching Athena [Student]" userId="03cc0922-5853-4d01-aac9-cbffaf26e9d9" providerId="ADAL" clId="{F3C6A390-5BF5-4304-BBA2-BF3D738C5641}" dt="2021-10-02T09:42:57.803" v="1106" actId="478"/>
          <ac:picMkLst>
            <pc:docMk/>
            <pc:sldMk cId="0" sldId="263"/>
            <ac:picMk id="8" creationId="{DA4593F4-9CCC-46D2-8A71-F3F75BB2A985}"/>
          </ac:picMkLst>
        </pc:picChg>
      </pc:sldChg>
      <pc:sldChg chg="addSp delSp modSp mod">
        <pc:chgData name="CHEUNG, Hiu Ching Athena [Student]" userId="03cc0922-5853-4d01-aac9-cbffaf26e9d9" providerId="ADAL" clId="{F3C6A390-5BF5-4304-BBA2-BF3D738C5641}" dt="2021-10-02T09:42:54.915" v="1105" actId="478"/>
        <pc:sldMkLst>
          <pc:docMk/>
          <pc:sldMk cId="3277186160" sldId="296"/>
        </pc:sldMkLst>
        <pc:picChg chg="add del mod">
          <ac:chgData name="CHEUNG, Hiu Ching Athena [Student]" userId="03cc0922-5853-4d01-aac9-cbffaf26e9d9" providerId="ADAL" clId="{F3C6A390-5BF5-4304-BBA2-BF3D738C5641}" dt="2021-10-02T09:42:54.915" v="1105" actId="478"/>
          <ac:picMkLst>
            <pc:docMk/>
            <pc:sldMk cId="3277186160" sldId="296"/>
            <ac:picMk id="7" creationId="{457797A9-6A20-4EFD-AE08-10FF9F0F4FA1}"/>
          </ac:picMkLst>
        </pc:picChg>
      </pc:sldChg>
      <pc:sldChg chg="modSp mod">
        <pc:chgData name="CHEUNG, Hiu Ching Athena [Student]" userId="03cc0922-5853-4d01-aac9-cbffaf26e9d9" providerId="ADAL" clId="{F3C6A390-5BF5-4304-BBA2-BF3D738C5641}" dt="2021-10-01T13:45:03.544" v="365" actId="14100"/>
        <pc:sldMkLst>
          <pc:docMk/>
          <pc:sldMk cId="677456615" sldId="297"/>
        </pc:sldMkLst>
        <pc:spChg chg="mod">
          <ac:chgData name="CHEUNG, Hiu Ching Athena [Student]" userId="03cc0922-5853-4d01-aac9-cbffaf26e9d9" providerId="ADAL" clId="{F3C6A390-5BF5-4304-BBA2-BF3D738C5641}" dt="2021-10-01T13:45:03.544" v="365" actId="14100"/>
          <ac:spMkLst>
            <pc:docMk/>
            <pc:sldMk cId="677456615" sldId="297"/>
            <ac:spMk id="359" creationId="{00000000-0000-0000-0000-000000000000}"/>
          </ac:spMkLst>
        </pc:spChg>
      </pc:sldChg>
      <pc:sldChg chg="del">
        <pc:chgData name="CHEUNG, Hiu Ching Athena [Student]" userId="03cc0922-5853-4d01-aac9-cbffaf26e9d9" providerId="ADAL" clId="{F3C6A390-5BF5-4304-BBA2-BF3D738C5641}" dt="2021-10-02T08:53:08.555" v="769" actId="47"/>
        <pc:sldMkLst>
          <pc:docMk/>
          <pc:sldMk cId="2994908211" sldId="302"/>
        </pc:sldMkLst>
      </pc:sldChg>
      <pc:sldChg chg="addSp delSp modSp mod">
        <pc:chgData name="CHEUNG, Hiu Ching Athena [Student]" userId="03cc0922-5853-4d01-aac9-cbffaf26e9d9" providerId="ADAL" clId="{F3C6A390-5BF5-4304-BBA2-BF3D738C5641}" dt="2021-10-02T17:18:48.397" v="1149" actId="13822"/>
        <pc:sldMkLst>
          <pc:docMk/>
          <pc:sldMk cId="499293948" sldId="304"/>
        </pc:sldMkLst>
        <pc:picChg chg="del">
          <ac:chgData name="CHEUNG, Hiu Ching Athena [Student]" userId="03cc0922-5853-4d01-aac9-cbffaf26e9d9" providerId="ADAL" clId="{F3C6A390-5BF5-4304-BBA2-BF3D738C5641}" dt="2021-10-02T17:18:01.737" v="1141" actId="478"/>
          <ac:picMkLst>
            <pc:docMk/>
            <pc:sldMk cId="499293948" sldId="304"/>
            <ac:picMk id="3" creationId="{ECA106AE-6227-4C58-BA97-C6044C4AA992}"/>
          </ac:picMkLst>
        </pc:picChg>
        <pc:picChg chg="add mod">
          <ac:chgData name="CHEUNG, Hiu Ching Athena [Student]" userId="03cc0922-5853-4d01-aac9-cbffaf26e9d9" providerId="ADAL" clId="{F3C6A390-5BF5-4304-BBA2-BF3D738C5641}" dt="2021-10-02T17:18:31.755" v="1146" actId="1076"/>
          <ac:picMkLst>
            <pc:docMk/>
            <pc:sldMk cId="499293948" sldId="304"/>
            <ac:picMk id="4" creationId="{7BCB1523-4787-4AB2-849F-37B9A5E4B35C}"/>
          </ac:picMkLst>
        </pc:picChg>
        <pc:cxnChg chg="mod">
          <ac:chgData name="CHEUNG, Hiu Ching Athena [Student]" userId="03cc0922-5853-4d01-aac9-cbffaf26e9d9" providerId="ADAL" clId="{F3C6A390-5BF5-4304-BBA2-BF3D738C5641}" dt="2021-10-02T17:18:48.397" v="1149" actId="13822"/>
          <ac:cxnSpMkLst>
            <pc:docMk/>
            <pc:sldMk cId="499293948" sldId="304"/>
            <ac:cxnSpMk id="5" creationId="{ABBA06B0-FD7F-4CB8-A233-B326233BC992}"/>
          </ac:cxnSpMkLst>
        </pc:cxnChg>
      </pc:sldChg>
      <pc:sldChg chg="del">
        <pc:chgData name="CHEUNG, Hiu Ching Athena [Student]" userId="03cc0922-5853-4d01-aac9-cbffaf26e9d9" providerId="ADAL" clId="{F3C6A390-5BF5-4304-BBA2-BF3D738C5641}" dt="2021-10-01T13:53:14.210" v="553" actId="47"/>
        <pc:sldMkLst>
          <pc:docMk/>
          <pc:sldMk cId="3944267863" sldId="305"/>
        </pc:sldMkLst>
      </pc:sldChg>
      <pc:sldChg chg="addSp delSp modSp mod">
        <pc:chgData name="CHEUNG, Hiu Ching Athena [Student]" userId="03cc0922-5853-4d01-aac9-cbffaf26e9d9" providerId="ADAL" clId="{F3C6A390-5BF5-4304-BBA2-BF3D738C5641}" dt="2021-10-02T17:16:01.797" v="1132" actId="1076"/>
        <pc:sldMkLst>
          <pc:docMk/>
          <pc:sldMk cId="2876942652" sldId="306"/>
        </pc:sldMkLst>
        <pc:spChg chg="add mod">
          <ac:chgData name="CHEUNG, Hiu Ching Athena [Student]" userId="03cc0922-5853-4d01-aac9-cbffaf26e9d9" providerId="ADAL" clId="{F3C6A390-5BF5-4304-BBA2-BF3D738C5641}" dt="2021-10-02T16:02:01.808" v="1114" actId="20577"/>
          <ac:spMkLst>
            <pc:docMk/>
            <pc:sldMk cId="2876942652" sldId="306"/>
            <ac:spMk id="5" creationId="{741715E8-0599-4D4C-878C-9F93D2830F72}"/>
          </ac:spMkLst>
        </pc:spChg>
        <pc:spChg chg="add del mod">
          <ac:chgData name="CHEUNG, Hiu Ching Athena [Student]" userId="03cc0922-5853-4d01-aac9-cbffaf26e9d9" providerId="ADAL" clId="{F3C6A390-5BF5-4304-BBA2-BF3D738C5641}" dt="2021-10-02T16:01:04.068" v="1112" actId="478"/>
          <ac:spMkLst>
            <pc:docMk/>
            <pc:sldMk cId="2876942652" sldId="306"/>
            <ac:spMk id="7" creationId="{B34CC871-BDD7-425C-B3E7-84BDF0E829B7}"/>
          </ac:spMkLst>
        </pc:spChg>
        <pc:spChg chg="mod">
          <ac:chgData name="CHEUNG, Hiu Ching Athena [Student]" userId="03cc0922-5853-4d01-aac9-cbffaf26e9d9" providerId="ADAL" clId="{F3C6A390-5BF5-4304-BBA2-BF3D738C5641}" dt="2021-10-01T13:44:54.481" v="346" actId="20577"/>
          <ac:spMkLst>
            <pc:docMk/>
            <pc:sldMk cId="2876942652" sldId="306"/>
            <ac:spMk id="298" creationId="{00000000-0000-0000-0000-000000000000}"/>
          </ac:spMkLst>
        </pc:spChg>
        <pc:picChg chg="add mod">
          <ac:chgData name="CHEUNG, Hiu Ching Athena [Student]" userId="03cc0922-5853-4d01-aac9-cbffaf26e9d9" providerId="ADAL" clId="{F3C6A390-5BF5-4304-BBA2-BF3D738C5641}" dt="2021-10-02T17:15:58.347" v="1131" actId="1076"/>
          <ac:picMkLst>
            <pc:docMk/>
            <pc:sldMk cId="2876942652" sldId="306"/>
            <ac:picMk id="3" creationId="{913CF5CF-1A2E-4541-8F8E-3B2C33785D1D}"/>
          </ac:picMkLst>
        </pc:picChg>
        <pc:picChg chg="del">
          <ac:chgData name="CHEUNG, Hiu Ching Athena [Student]" userId="03cc0922-5853-4d01-aac9-cbffaf26e9d9" providerId="ADAL" clId="{F3C6A390-5BF5-4304-BBA2-BF3D738C5641}" dt="2021-10-02T08:57:55.030" v="901" actId="478"/>
          <ac:picMkLst>
            <pc:docMk/>
            <pc:sldMk cId="2876942652" sldId="306"/>
            <ac:picMk id="4" creationId="{04F365AB-120A-402E-BA30-6252557922D8}"/>
          </ac:picMkLst>
        </pc:picChg>
        <pc:picChg chg="add mod modCrop">
          <ac:chgData name="CHEUNG, Hiu Ching Athena [Student]" userId="03cc0922-5853-4d01-aac9-cbffaf26e9d9" providerId="ADAL" clId="{F3C6A390-5BF5-4304-BBA2-BF3D738C5641}" dt="2021-10-02T17:15:48.145" v="1129" actId="732"/>
          <ac:picMkLst>
            <pc:docMk/>
            <pc:sldMk cId="2876942652" sldId="306"/>
            <ac:picMk id="8" creationId="{E81A94CC-9720-46E9-927A-6656BA0DE1BC}"/>
          </ac:picMkLst>
        </pc:picChg>
        <pc:picChg chg="add mod">
          <ac:chgData name="CHEUNG, Hiu Ching Athena [Student]" userId="03cc0922-5853-4d01-aac9-cbffaf26e9d9" providerId="ADAL" clId="{F3C6A390-5BF5-4304-BBA2-BF3D738C5641}" dt="2021-10-02T17:16:01.797" v="1132" actId="1076"/>
          <ac:picMkLst>
            <pc:docMk/>
            <pc:sldMk cId="2876942652" sldId="306"/>
            <ac:picMk id="10" creationId="{8F49B4DC-8BEE-4B7C-9BEB-DE45139536D4}"/>
          </ac:picMkLst>
        </pc:picChg>
      </pc:sldChg>
      <pc:sldChg chg="del">
        <pc:chgData name="CHEUNG, Hiu Ching Athena [Student]" userId="03cc0922-5853-4d01-aac9-cbffaf26e9d9" providerId="ADAL" clId="{F3C6A390-5BF5-4304-BBA2-BF3D738C5641}" dt="2021-10-02T08:53:08.555" v="769" actId="47"/>
        <pc:sldMkLst>
          <pc:docMk/>
          <pc:sldMk cId="147595832" sldId="307"/>
        </pc:sldMkLst>
      </pc:sldChg>
      <pc:sldChg chg="del">
        <pc:chgData name="CHEUNG, Hiu Ching Athena [Student]" userId="03cc0922-5853-4d01-aac9-cbffaf26e9d9" providerId="ADAL" clId="{F3C6A390-5BF5-4304-BBA2-BF3D738C5641}" dt="2021-10-02T08:53:08.555" v="769" actId="47"/>
        <pc:sldMkLst>
          <pc:docMk/>
          <pc:sldMk cId="1619587713" sldId="308"/>
        </pc:sldMkLst>
      </pc:sldChg>
      <pc:sldChg chg="addSp modSp mod">
        <pc:chgData name="CHEUNG, Hiu Ching Athena [Student]" userId="03cc0922-5853-4d01-aac9-cbffaf26e9d9" providerId="ADAL" clId="{F3C6A390-5BF5-4304-BBA2-BF3D738C5641}" dt="2021-10-02T17:17:37.533" v="1140" actId="14100"/>
        <pc:sldMkLst>
          <pc:docMk/>
          <pc:sldMk cId="3676948722" sldId="309"/>
        </pc:sldMkLst>
        <pc:cxnChg chg="add mod">
          <ac:chgData name="CHEUNG, Hiu Ching Athena [Student]" userId="03cc0922-5853-4d01-aac9-cbffaf26e9d9" providerId="ADAL" clId="{F3C6A390-5BF5-4304-BBA2-BF3D738C5641}" dt="2021-10-02T17:17:37.533" v="1140" actId="14100"/>
          <ac:cxnSpMkLst>
            <pc:docMk/>
            <pc:sldMk cId="3676948722" sldId="309"/>
            <ac:cxnSpMk id="5" creationId="{3D722816-D3C6-40D3-83A4-F0BFE6B220B1}"/>
          </ac:cxnSpMkLst>
        </pc:cxnChg>
      </pc:sldChg>
      <pc:sldChg chg="modSp mod">
        <pc:chgData name="CHEUNG, Hiu Ching Athena [Student]" userId="03cc0922-5853-4d01-aac9-cbffaf26e9d9" providerId="ADAL" clId="{F3C6A390-5BF5-4304-BBA2-BF3D738C5641}" dt="2021-10-01T13:38:41.020" v="313" actId="20577"/>
        <pc:sldMkLst>
          <pc:docMk/>
          <pc:sldMk cId="579860046" sldId="310"/>
        </pc:sldMkLst>
        <pc:spChg chg="mod">
          <ac:chgData name="CHEUNG, Hiu Ching Athena [Student]" userId="03cc0922-5853-4d01-aac9-cbffaf26e9d9" providerId="ADAL" clId="{F3C6A390-5BF5-4304-BBA2-BF3D738C5641}" dt="2021-10-01T13:38:41.020" v="313" actId="20577"/>
          <ac:spMkLst>
            <pc:docMk/>
            <pc:sldMk cId="579860046" sldId="310"/>
            <ac:spMk id="7" creationId="{B34CC871-BDD7-425C-B3E7-84BDF0E829B7}"/>
          </ac:spMkLst>
        </pc:spChg>
      </pc:sldChg>
      <pc:sldChg chg="delSp modSp add mod ord">
        <pc:chgData name="CHEUNG, Hiu Ching Athena [Student]" userId="03cc0922-5853-4d01-aac9-cbffaf26e9d9" providerId="ADAL" clId="{F3C6A390-5BF5-4304-BBA2-BF3D738C5641}" dt="2021-10-01T13:58:46.540" v="768" actId="20577"/>
        <pc:sldMkLst>
          <pc:docMk/>
          <pc:sldMk cId="3945810521" sldId="311"/>
        </pc:sldMkLst>
        <pc:spChg chg="mod">
          <ac:chgData name="CHEUNG, Hiu Ching Athena [Student]" userId="03cc0922-5853-4d01-aac9-cbffaf26e9d9" providerId="ADAL" clId="{F3C6A390-5BF5-4304-BBA2-BF3D738C5641}" dt="2021-10-01T13:58:46.540" v="768" actId="20577"/>
          <ac:spMkLst>
            <pc:docMk/>
            <pc:sldMk cId="3945810521" sldId="311"/>
            <ac:spMk id="2" creationId="{33379F66-7D53-4694-AAB2-74DD37DFFB54}"/>
          </ac:spMkLst>
        </pc:spChg>
        <pc:spChg chg="del">
          <ac:chgData name="CHEUNG, Hiu Ching Athena [Student]" userId="03cc0922-5853-4d01-aac9-cbffaf26e9d9" providerId="ADAL" clId="{F3C6A390-5BF5-4304-BBA2-BF3D738C5641}" dt="2021-10-01T13:54:28.755" v="599" actId="478"/>
          <ac:spMkLst>
            <pc:docMk/>
            <pc:sldMk cId="3945810521" sldId="311"/>
            <ac:spMk id="3" creationId="{DA269718-81E9-478D-B7B3-5C6EC69A4DE8}"/>
          </ac:spMkLst>
        </pc:spChg>
        <pc:spChg chg="del">
          <ac:chgData name="CHEUNG, Hiu Ching Athena [Student]" userId="03cc0922-5853-4d01-aac9-cbffaf26e9d9" providerId="ADAL" clId="{F3C6A390-5BF5-4304-BBA2-BF3D738C5641}" dt="2021-10-01T13:54:28.755" v="599" actId="478"/>
          <ac:spMkLst>
            <pc:docMk/>
            <pc:sldMk cId="3945810521" sldId="311"/>
            <ac:spMk id="7" creationId="{E0806B09-8858-4F54-AA68-83FED2FD7632}"/>
          </ac:spMkLst>
        </pc:spChg>
        <pc:spChg chg="del mod">
          <ac:chgData name="CHEUNG, Hiu Ching Athena [Student]" userId="03cc0922-5853-4d01-aac9-cbffaf26e9d9" providerId="ADAL" clId="{F3C6A390-5BF5-4304-BBA2-BF3D738C5641}" dt="2021-10-01T13:54:31.567" v="601" actId="478"/>
          <ac:spMkLst>
            <pc:docMk/>
            <pc:sldMk cId="3945810521" sldId="311"/>
            <ac:spMk id="9" creationId="{F8B56D40-5661-4497-A678-B8407454EEE8}"/>
          </ac:spMkLst>
        </pc:spChg>
        <pc:spChg chg="del">
          <ac:chgData name="CHEUNG, Hiu Ching Athena [Student]" userId="03cc0922-5853-4d01-aac9-cbffaf26e9d9" providerId="ADAL" clId="{F3C6A390-5BF5-4304-BBA2-BF3D738C5641}" dt="2021-10-01T13:54:28.755" v="599" actId="478"/>
          <ac:spMkLst>
            <pc:docMk/>
            <pc:sldMk cId="3945810521" sldId="311"/>
            <ac:spMk id="11" creationId="{B7EC9ADB-CCA0-41EE-9250-A6440C2B255B}"/>
          </ac:spMkLst>
        </pc:spChg>
        <pc:spChg chg="mod">
          <ac:chgData name="CHEUNG, Hiu Ching Athena [Student]" userId="03cc0922-5853-4d01-aac9-cbffaf26e9d9" providerId="ADAL" clId="{F3C6A390-5BF5-4304-BBA2-BF3D738C5641}" dt="2021-10-01T13:54:21.837" v="598" actId="20577"/>
          <ac:spMkLst>
            <pc:docMk/>
            <pc:sldMk cId="3945810521" sldId="311"/>
            <ac:spMk id="298" creationId="{00000000-0000-0000-0000-000000000000}"/>
          </ac:spMkLst>
        </pc:spChg>
        <pc:picChg chg="del">
          <ac:chgData name="CHEUNG, Hiu Ching Athena [Student]" userId="03cc0922-5853-4d01-aac9-cbffaf26e9d9" providerId="ADAL" clId="{F3C6A390-5BF5-4304-BBA2-BF3D738C5641}" dt="2021-10-01T13:54:28.755" v="599" actId="478"/>
          <ac:picMkLst>
            <pc:docMk/>
            <pc:sldMk cId="3945810521" sldId="311"/>
            <ac:picMk id="5" creationId="{FB7798A4-23D1-41B6-BC18-3A1C04784A76}"/>
          </ac:picMkLst>
        </pc:picChg>
        <pc:picChg chg="del">
          <ac:chgData name="CHEUNG, Hiu Ching Athena [Student]" userId="03cc0922-5853-4d01-aac9-cbffaf26e9d9" providerId="ADAL" clId="{F3C6A390-5BF5-4304-BBA2-BF3D738C5641}" dt="2021-10-01T13:54:28.755" v="599" actId="478"/>
          <ac:picMkLst>
            <pc:docMk/>
            <pc:sldMk cId="3945810521" sldId="311"/>
            <ac:picMk id="8" creationId="{953D9789-57DC-4758-8371-25C55E965234}"/>
          </ac:picMkLst>
        </pc:picChg>
      </pc:sldChg>
      <pc:sldChg chg="addSp delSp modSp add mod">
        <pc:chgData name="CHEUNG, Hiu Ching Athena [Student]" userId="03cc0922-5853-4d01-aac9-cbffaf26e9d9" providerId="ADAL" clId="{F3C6A390-5BF5-4304-BBA2-BF3D738C5641}" dt="2021-10-02T09:35:55.341" v="1041" actId="478"/>
        <pc:sldMkLst>
          <pc:docMk/>
          <pc:sldMk cId="2062501764" sldId="312"/>
        </pc:sldMkLst>
        <pc:spChg chg="del mod">
          <ac:chgData name="CHEUNG, Hiu Ching Athena [Student]" userId="03cc0922-5853-4d01-aac9-cbffaf26e9d9" providerId="ADAL" clId="{F3C6A390-5BF5-4304-BBA2-BF3D738C5641}" dt="2021-10-02T09:34:36.746" v="1006" actId="478"/>
          <ac:spMkLst>
            <pc:docMk/>
            <pc:sldMk cId="2062501764" sldId="312"/>
            <ac:spMk id="7" creationId="{B34CC871-BDD7-425C-B3E7-84BDF0E829B7}"/>
          </ac:spMkLst>
        </pc:spChg>
        <pc:spChg chg="add mod">
          <ac:chgData name="CHEUNG, Hiu Ching Athena [Student]" userId="03cc0922-5853-4d01-aac9-cbffaf26e9d9" providerId="ADAL" clId="{F3C6A390-5BF5-4304-BBA2-BF3D738C5641}" dt="2021-10-02T09:35:00.996" v="1016" actId="1076"/>
          <ac:spMkLst>
            <pc:docMk/>
            <pc:sldMk cId="2062501764" sldId="312"/>
            <ac:spMk id="22" creationId="{1AC53AC4-2315-4E8E-9305-93A5CDC8ED50}"/>
          </ac:spMkLst>
        </pc:spChg>
        <pc:picChg chg="add mod">
          <ac:chgData name="CHEUNG, Hiu Ching Athena [Student]" userId="03cc0922-5853-4d01-aac9-cbffaf26e9d9" providerId="ADAL" clId="{F3C6A390-5BF5-4304-BBA2-BF3D738C5641}" dt="2021-10-02T09:35:36.750" v="1033" actId="1076"/>
          <ac:picMkLst>
            <pc:docMk/>
            <pc:sldMk cId="2062501764" sldId="312"/>
            <ac:picMk id="3" creationId="{727FE554-3D10-4461-A855-1B88F14CD145}"/>
          </ac:picMkLst>
        </pc:picChg>
        <pc:picChg chg="del">
          <ac:chgData name="CHEUNG, Hiu Ching Athena [Student]" userId="03cc0922-5853-4d01-aac9-cbffaf26e9d9" providerId="ADAL" clId="{F3C6A390-5BF5-4304-BBA2-BF3D738C5641}" dt="2021-10-02T08:57:59.143" v="903" actId="478"/>
          <ac:picMkLst>
            <pc:docMk/>
            <pc:sldMk cId="2062501764" sldId="312"/>
            <ac:picMk id="4" creationId="{04F365AB-120A-402E-BA30-6252557922D8}"/>
          </ac:picMkLst>
        </pc:picChg>
        <pc:picChg chg="add del mod">
          <ac:chgData name="CHEUNG, Hiu Ching Athena [Student]" userId="03cc0922-5853-4d01-aac9-cbffaf26e9d9" providerId="ADAL" clId="{F3C6A390-5BF5-4304-BBA2-BF3D738C5641}" dt="2021-10-02T09:34:08.967" v="1002" actId="478"/>
          <ac:picMkLst>
            <pc:docMk/>
            <pc:sldMk cId="2062501764" sldId="312"/>
            <ac:picMk id="8" creationId="{682CF2B3-164D-4833-978D-8E14073789D6}"/>
          </ac:picMkLst>
        </pc:picChg>
        <pc:picChg chg="add mod">
          <ac:chgData name="CHEUNG, Hiu Ching Athena [Student]" userId="03cc0922-5853-4d01-aac9-cbffaf26e9d9" providerId="ADAL" clId="{F3C6A390-5BF5-4304-BBA2-BF3D738C5641}" dt="2021-10-02T09:35:41.451" v="1035" actId="1076"/>
          <ac:picMkLst>
            <pc:docMk/>
            <pc:sldMk cId="2062501764" sldId="312"/>
            <ac:picMk id="10" creationId="{A7191F65-688C-475E-9F10-E0BC90AC10EA}"/>
          </ac:picMkLst>
        </pc:picChg>
        <pc:picChg chg="add mod">
          <ac:chgData name="CHEUNG, Hiu Ching Athena [Student]" userId="03cc0922-5853-4d01-aac9-cbffaf26e9d9" providerId="ADAL" clId="{F3C6A390-5BF5-4304-BBA2-BF3D738C5641}" dt="2021-10-02T09:35:47.168" v="1037" actId="1076"/>
          <ac:picMkLst>
            <pc:docMk/>
            <pc:sldMk cId="2062501764" sldId="312"/>
            <ac:picMk id="12" creationId="{923B4AB6-6FEC-4C58-BF2C-34FE4057F9BE}"/>
          </ac:picMkLst>
        </pc:picChg>
        <pc:picChg chg="add del mod">
          <ac:chgData name="CHEUNG, Hiu Ching Athena [Student]" userId="03cc0922-5853-4d01-aac9-cbffaf26e9d9" providerId="ADAL" clId="{F3C6A390-5BF5-4304-BBA2-BF3D738C5641}" dt="2021-10-02T09:33:56.460" v="997" actId="478"/>
          <ac:picMkLst>
            <pc:docMk/>
            <pc:sldMk cId="2062501764" sldId="312"/>
            <ac:picMk id="14" creationId="{5FD5010A-C7AF-490A-ACE3-D3539B2B0013}"/>
          </ac:picMkLst>
        </pc:picChg>
        <pc:picChg chg="add del mod">
          <ac:chgData name="CHEUNG, Hiu Ching Athena [Student]" userId="03cc0922-5853-4d01-aac9-cbffaf26e9d9" providerId="ADAL" clId="{F3C6A390-5BF5-4304-BBA2-BF3D738C5641}" dt="2021-10-02T09:35:54.074" v="1039" actId="478"/>
          <ac:picMkLst>
            <pc:docMk/>
            <pc:sldMk cId="2062501764" sldId="312"/>
            <ac:picMk id="16" creationId="{8838A07E-2DA1-4D2B-AE5C-E8C5620F6D98}"/>
          </ac:picMkLst>
        </pc:picChg>
        <pc:picChg chg="add del mod">
          <ac:chgData name="CHEUNG, Hiu Ching Athena [Student]" userId="03cc0922-5853-4d01-aac9-cbffaf26e9d9" providerId="ADAL" clId="{F3C6A390-5BF5-4304-BBA2-BF3D738C5641}" dt="2021-10-02T09:35:55.341" v="1041" actId="478"/>
          <ac:picMkLst>
            <pc:docMk/>
            <pc:sldMk cId="2062501764" sldId="312"/>
            <ac:picMk id="18" creationId="{EB0BE34E-084B-40A0-BB42-F54B7624DF14}"/>
          </ac:picMkLst>
        </pc:picChg>
        <pc:picChg chg="add del mod modCrop">
          <ac:chgData name="CHEUNG, Hiu Ching Athena [Student]" userId="03cc0922-5853-4d01-aac9-cbffaf26e9d9" providerId="ADAL" clId="{F3C6A390-5BF5-4304-BBA2-BF3D738C5641}" dt="2021-10-02T09:35:54.627" v="1040" actId="478"/>
          <ac:picMkLst>
            <pc:docMk/>
            <pc:sldMk cId="2062501764" sldId="312"/>
            <ac:picMk id="20" creationId="{30224D21-DF5D-40F5-8CDD-8D392263B232}"/>
          </ac:picMkLst>
        </pc:picChg>
      </pc:sldChg>
      <pc:sldChg chg="addSp delSp modSp add mod ord">
        <pc:chgData name="CHEUNG, Hiu Ching Athena [Student]" userId="03cc0922-5853-4d01-aac9-cbffaf26e9d9" providerId="ADAL" clId="{F3C6A390-5BF5-4304-BBA2-BF3D738C5641}" dt="2021-10-02T09:32:09.964" v="974" actId="208"/>
        <pc:sldMkLst>
          <pc:docMk/>
          <pc:sldMk cId="3093510988" sldId="313"/>
        </pc:sldMkLst>
        <pc:spChg chg="mod">
          <ac:chgData name="CHEUNG, Hiu Ching Athena [Student]" userId="03cc0922-5853-4d01-aac9-cbffaf26e9d9" providerId="ADAL" clId="{F3C6A390-5BF5-4304-BBA2-BF3D738C5641}" dt="2021-10-02T09:06:29.478" v="911" actId="1076"/>
          <ac:spMkLst>
            <pc:docMk/>
            <pc:sldMk cId="3093510988" sldId="313"/>
            <ac:spMk id="7" creationId="{B34CC871-BDD7-425C-B3E7-84BDF0E829B7}"/>
          </ac:spMkLst>
        </pc:spChg>
        <pc:spChg chg="add mod">
          <ac:chgData name="CHEUNG, Hiu Ching Athena [Student]" userId="03cc0922-5853-4d01-aac9-cbffaf26e9d9" providerId="ADAL" clId="{F3C6A390-5BF5-4304-BBA2-BF3D738C5641}" dt="2021-10-02T09:32:09.964" v="974" actId="208"/>
          <ac:spMkLst>
            <pc:docMk/>
            <pc:sldMk cId="3093510988" sldId="313"/>
            <ac:spMk id="9" creationId="{99F4B81A-C1EA-4ACE-BE51-C94F74A8FE1F}"/>
          </ac:spMkLst>
        </pc:spChg>
        <pc:picChg chg="add del mod">
          <ac:chgData name="CHEUNG, Hiu Ching Athena [Student]" userId="03cc0922-5853-4d01-aac9-cbffaf26e9d9" providerId="ADAL" clId="{F3C6A390-5BF5-4304-BBA2-BF3D738C5641}" dt="2021-10-02T09:23:49.940" v="965" actId="478"/>
          <ac:picMkLst>
            <pc:docMk/>
            <pc:sldMk cId="3093510988" sldId="313"/>
            <ac:picMk id="3" creationId="{B3E3C04D-112A-488E-8230-B616E26E8538}"/>
          </ac:picMkLst>
        </pc:picChg>
        <pc:picChg chg="del">
          <ac:chgData name="CHEUNG, Hiu Ching Athena [Student]" userId="03cc0922-5853-4d01-aac9-cbffaf26e9d9" providerId="ADAL" clId="{F3C6A390-5BF5-4304-BBA2-BF3D738C5641}" dt="2021-10-02T08:57:57.717" v="902" actId="478"/>
          <ac:picMkLst>
            <pc:docMk/>
            <pc:sldMk cId="3093510988" sldId="313"/>
            <ac:picMk id="4" creationId="{04F365AB-120A-402E-BA30-6252557922D8}"/>
          </ac:picMkLst>
        </pc:picChg>
        <pc:picChg chg="add mod">
          <ac:chgData name="CHEUNG, Hiu Ching Athena [Student]" userId="03cc0922-5853-4d01-aac9-cbffaf26e9d9" providerId="ADAL" clId="{F3C6A390-5BF5-4304-BBA2-BF3D738C5641}" dt="2021-10-02T09:30:11.101" v="969" actId="1076"/>
          <ac:picMkLst>
            <pc:docMk/>
            <pc:sldMk cId="3093510988" sldId="313"/>
            <ac:picMk id="8" creationId="{5B542CF1-8FF8-43FB-9572-24CB9A524A1F}"/>
          </ac:picMkLst>
        </pc:picChg>
      </pc:sldChg>
      <pc:sldChg chg="addSp delSp modSp add mod">
        <pc:chgData name="CHEUNG, Hiu Ching Athena [Student]" userId="03cc0922-5853-4d01-aac9-cbffaf26e9d9" providerId="ADAL" clId="{F3C6A390-5BF5-4304-BBA2-BF3D738C5641}" dt="2021-10-02T09:09:57.886" v="920" actId="478"/>
        <pc:sldMkLst>
          <pc:docMk/>
          <pc:sldMk cId="3637971168" sldId="314"/>
        </pc:sldMkLst>
        <pc:spChg chg="mod">
          <ac:chgData name="CHEUNG, Hiu Ching Athena [Student]" userId="03cc0922-5853-4d01-aac9-cbffaf26e9d9" providerId="ADAL" clId="{F3C6A390-5BF5-4304-BBA2-BF3D738C5641}" dt="2021-10-02T09:06:57.038" v="913" actId="20577"/>
          <ac:spMkLst>
            <pc:docMk/>
            <pc:sldMk cId="3637971168" sldId="314"/>
            <ac:spMk id="7" creationId="{B34CC871-BDD7-425C-B3E7-84BDF0E829B7}"/>
          </ac:spMkLst>
        </pc:spChg>
        <pc:picChg chg="del">
          <ac:chgData name="CHEUNG, Hiu Ching Athena [Student]" userId="03cc0922-5853-4d01-aac9-cbffaf26e9d9" providerId="ADAL" clId="{F3C6A390-5BF5-4304-BBA2-BF3D738C5641}" dt="2021-10-02T09:07:59.302" v="914" actId="478"/>
          <ac:picMkLst>
            <pc:docMk/>
            <pc:sldMk cId="3637971168" sldId="314"/>
            <ac:picMk id="3" creationId="{B3E3C04D-112A-488E-8230-B616E26E8538}"/>
          </ac:picMkLst>
        </pc:picChg>
        <pc:picChg chg="add mod">
          <ac:chgData name="CHEUNG, Hiu Ching Athena [Student]" userId="03cc0922-5853-4d01-aac9-cbffaf26e9d9" providerId="ADAL" clId="{F3C6A390-5BF5-4304-BBA2-BF3D738C5641}" dt="2021-10-02T09:08:06.582" v="918" actId="1076"/>
          <ac:picMkLst>
            <pc:docMk/>
            <pc:sldMk cId="3637971168" sldId="314"/>
            <ac:picMk id="4" creationId="{F6574090-01D2-4535-8F5D-89A8B2070428}"/>
          </ac:picMkLst>
        </pc:picChg>
        <pc:picChg chg="add del mod">
          <ac:chgData name="CHEUNG, Hiu Ching Athena [Student]" userId="03cc0922-5853-4d01-aac9-cbffaf26e9d9" providerId="ADAL" clId="{F3C6A390-5BF5-4304-BBA2-BF3D738C5641}" dt="2021-10-02T09:09:57.886" v="920" actId="478"/>
          <ac:picMkLst>
            <pc:docMk/>
            <pc:sldMk cId="3637971168" sldId="314"/>
            <ac:picMk id="8" creationId="{65CDA65E-D365-4023-B9E0-AD9FCF0C07B5}"/>
          </ac:picMkLst>
        </pc:picChg>
      </pc:sldChg>
      <pc:sldChg chg="addSp delSp modSp add mod">
        <pc:chgData name="CHEUNG, Hiu Ching Athena [Student]" userId="03cc0922-5853-4d01-aac9-cbffaf26e9d9" providerId="ADAL" clId="{F3C6A390-5BF5-4304-BBA2-BF3D738C5641}" dt="2021-10-02T09:23:30.275" v="964" actId="14100"/>
        <pc:sldMkLst>
          <pc:docMk/>
          <pc:sldMk cId="2895263569" sldId="315"/>
        </pc:sldMkLst>
        <pc:spChg chg="add mod">
          <ac:chgData name="CHEUNG, Hiu Ching Athena [Student]" userId="03cc0922-5853-4d01-aac9-cbffaf26e9d9" providerId="ADAL" clId="{F3C6A390-5BF5-4304-BBA2-BF3D738C5641}" dt="2021-10-02T09:20:57.462" v="947" actId="1076"/>
          <ac:spMkLst>
            <pc:docMk/>
            <pc:sldMk cId="2895263569" sldId="315"/>
            <ac:spMk id="5" creationId="{987A8943-5C17-4018-B20D-417409238012}"/>
          </ac:spMkLst>
        </pc:spChg>
        <pc:spChg chg="add mod">
          <ac:chgData name="CHEUNG, Hiu Ching Athena [Student]" userId="03cc0922-5853-4d01-aac9-cbffaf26e9d9" providerId="ADAL" clId="{F3C6A390-5BF5-4304-BBA2-BF3D738C5641}" dt="2021-10-02T09:23:30.275" v="964" actId="14100"/>
          <ac:spMkLst>
            <pc:docMk/>
            <pc:sldMk cId="2895263569" sldId="315"/>
            <ac:spMk id="14" creationId="{6DA131A7-F94F-4082-8A0B-C6EA2066F2C2}"/>
          </ac:spMkLst>
        </pc:spChg>
        <pc:picChg chg="add del mod">
          <ac:chgData name="CHEUNG, Hiu Ching Athena [Student]" userId="03cc0922-5853-4d01-aac9-cbffaf26e9d9" providerId="ADAL" clId="{F3C6A390-5BF5-4304-BBA2-BF3D738C5641}" dt="2021-10-02T09:23:04.620" v="959" actId="478"/>
          <ac:picMkLst>
            <pc:docMk/>
            <pc:sldMk cId="2895263569" sldId="315"/>
            <ac:picMk id="3" creationId="{BA4C6807-AEF3-4CB5-92E0-3755EB521E00}"/>
          </ac:picMkLst>
        </pc:picChg>
        <pc:picChg chg="del">
          <ac:chgData name="CHEUNG, Hiu Ching Athena [Student]" userId="03cc0922-5853-4d01-aac9-cbffaf26e9d9" providerId="ADAL" clId="{F3C6A390-5BF5-4304-BBA2-BF3D738C5641}" dt="2021-10-02T09:10:02.031" v="922" actId="478"/>
          <ac:picMkLst>
            <pc:docMk/>
            <pc:sldMk cId="2895263569" sldId="315"/>
            <ac:picMk id="4" creationId="{F6574090-01D2-4535-8F5D-89A8B2070428}"/>
          </ac:picMkLst>
        </pc:picChg>
        <pc:picChg chg="add mod ord">
          <ac:chgData name="CHEUNG, Hiu Ching Athena [Student]" userId="03cc0922-5853-4d01-aac9-cbffaf26e9d9" providerId="ADAL" clId="{F3C6A390-5BF5-4304-BBA2-BF3D738C5641}" dt="2021-10-02T09:23:21.857" v="963" actId="1076"/>
          <ac:picMkLst>
            <pc:docMk/>
            <pc:sldMk cId="2895263569" sldId="315"/>
            <ac:picMk id="16" creationId="{4A29D66D-7D58-45E5-A984-76E95D92B148}"/>
          </ac:picMkLst>
        </pc:picChg>
        <pc:cxnChg chg="add mod">
          <ac:chgData name="CHEUNG, Hiu Ching Athena [Student]" userId="03cc0922-5853-4d01-aac9-cbffaf26e9d9" providerId="ADAL" clId="{F3C6A390-5BF5-4304-BBA2-BF3D738C5641}" dt="2021-10-02T09:21:40.280" v="955" actId="13822"/>
          <ac:cxnSpMkLst>
            <pc:docMk/>
            <pc:sldMk cId="2895263569" sldId="315"/>
            <ac:cxnSpMk id="9" creationId="{EA51ED7C-1535-4EB4-A035-12AAB2024397}"/>
          </ac:cxnSpMkLst>
        </pc:cxnChg>
      </pc:sldChg>
      <pc:sldChg chg="delSp modSp add mod">
        <pc:chgData name="CHEUNG, Hiu Ching Athena [Student]" userId="03cc0922-5853-4d01-aac9-cbffaf26e9d9" providerId="ADAL" clId="{F3C6A390-5BF5-4304-BBA2-BF3D738C5641}" dt="2021-10-02T09:37:23.585" v="1073" actId="1076"/>
        <pc:sldMkLst>
          <pc:docMk/>
          <pc:sldMk cId="1748417056" sldId="316"/>
        </pc:sldMkLst>
        <pc:picChg chg="del">
          <ac:chgData name="CHEUNG, Hiu Ching Athena [Student]" userId="03cc0922-5853-4d01-aac9-cbffaf26e9d9" providerId="ADAL" clId="{F3C6A390-5BF5-4304-BBA2-BF3D738C5641}" dt="2021-10-02T09:35:57.539" v="1042" actId="478"/>
          <ac:picMkLst>
            <pc:docMk/>
            <pc:sldMk cId="1748417056" sldId="316"/>
            <ac:picMk id="3" creationId="{727FE554-3D10-4461-A855-1B88F14CD145}"/>
          </ac:picMkLst>
        </pc:picChg>
        <pc:picChg chg="del">
          <ac:chgData name="CHEUNG, Hiu Ching Athena [Student]" userId="03cc0922-5853-4d01-aac9-cbffaf26e9d9" providerId="ADAL" clId="{F3C6A390-5BF5-4304-BBA2-BF3D738C5641}" dt="2021-10-02T09:35:58.322" v="1043" actId="478"/>
          <ac:picMkLst>
            <pc:docMk/>
            <pc:sldMk cId="1748417056" sldId="316"/>
            <ac:picMk id="10" creationId="{A7191F65-688C-475E-9F10-E0BC90AC10EA}"/>
          </ac:picMkLst>
        </pc:picChg>
        <pc:picChg chg="del">
          <ac:chgData name="CHEUNG, Hiu Ching Athena [Student]" userId="03cc0922-5853-4d01-aac9-cbffaf26e9d9" providerId="ADAL" clId="{F3C6A390-5BF5-4304-BBA2-BF3D738C5641}" dt="2021-10-02T09:35:58.888" v="1044" actId="478"/>
          <ac:picMkLst>
            <pc:docMk/>
            <pc:sldMk cId="1748417056" sldId="316"/>
            <ac:picMk id="12" creationId="{923B4AB6-6FEC-4C58-BF2C-34FE4057F9BE}"/>
          </ac:picMkLst>
        </pc:picChg>
        <pc:picChg chg="mod ord">
          <ac:chgData name="CHEUNG, Hiu Ching Athena [Student]" userId="03cc0922-5853-4d01-aac9-cbffaf26e9d9" providerId="ADAL" clId="{F3C6A390-5BF5-4304-BBA2-BF3D738C5641}" dt="2021-10-02T09:37:23.585" v="1073" actId="1076"/>
          <ac:picMkLst>
            <pc:docMk/>
            <pc:sldMk cId="1748417056" sldId="316"/>
            <ac:picMk id="16" creationId="{8838A07E-2DA1-4D2B-AE5C-E8C5620F6D98}"/>
          </ac:picMkLst>
        </pc:picChg>
        <pc:picChg chg="mod ord">
          <ac:chgData name="CHEUNG, Hiu Ching Athena [Student]" userId="03cc0922-5853-4d01-aac9-cbffaf26e9d9" providerId="ADAL" clId="{F3C6A390-5BF5-4304-BBA2-BF3D738C5641}" dt="2021-10-02T09:37:21.485" v="1072" actId="1076"/>
          <ac:picMkLst>
            <pc:docMk/>
            <pc:sldMk cId="1748417056" sldId="316"/>
            <ac:picMk id="18" creationId="{EB0BE34E-084B-40A0-BB42-F54B7624DF14}"/>
          </ac:picMkLst>
        </pc:picChg>
        <pc:picChg chg="mod">
          <ac:chgData name="CHEUNG, Hiu Ching Athena [Student]" userId="03cc0922-5853-4d01-aac9-cbffaf26e9d9" providerId="ADAL" clId="{F3C6A390-5BF5-4304-BBA2-BF3D738C5641}" dt="2021-10-02T09:37:18.150" v="1071" actId="1076"/>
          <ac:picMkLst>
            <pc:docMk/>
            <pc:sldMk cId="1748417056" sldId="316"/>
            <ac:picMk id="20" creationId="{30224D21-DF5D-40F5-8CDD-8D392263B232}"/>
          </ac:picMkLst>
        </pc:picChg>
      </pc:sldChg>
      <pc:sldChg chg="addSp modSp mod">
        <pc:chgData name="CHEUNG, Hiu Ching Athena [Student]" userId="03cc0922-5853-4d01-aac9-cbffaf26e9d9" providerId="ADAL" clId="{F3C6A390-5BF5-4304-BBA2-BF3D738C5641}" dt="2021-10-04T05:27:15.288" v="1152" actId="1076"/>
        <pc:sldMkLst>
          <pc:docMk/>
          <pc:sldMk cId="2756135176" sldId="319"/>
        </pc:sldMkLst>
        <pc:picChg chg="add mod">
          <ac:chgData name="CHEUNG, Hiu Ching Athena [Student]" userId="03cc0922-5853-4d01-aac9-cbffaf26e9d9" providerId="ADAL" clId="{F3C6A390-5BF5-4304-BBA2-BF3D738C5641}" dt="2021-10-04T05:27:15.288" v="1152" actId="1076"/>
          <ac:picMkLst>
            <pc:docMk/>
            <pc:sldMk cId="2756135176" sldId="319"/>
            <ac:picMk id="3" creationId="{534D7834-0C15-401E-9BD5-2CFB1F43217F}"/>
          </ac:picMkLst>
        </pc:picChg>
      </pc:sldChg>
    </pc:docChg>
  </pc:docChgLst>
  <pc:docChgLst>
    <pc:chgData name="LIU, SumYin [Student]" userId="249ac7fb-9f50-4d2f-a0f3-c92e4dbde324" providerId="ADAL" clId="{0B2DB6CA-8891-9441-8B44-0EDBEE4B23ED}"/>
    <pc:docChg chg="undo custSel addSld delSld modSld sldOrd modMainMaster">
      <pc:chgData name="LIU, SumYin [Student]" userId="249ac7fb-9f50-4d2f-a0f3-c92e4dbde324" providerId="ADAL" clId="{0B2DB6CA-8891-9441-8B44-0EDBEE4B23ED}" dt="2021-11-01T02:05:39.367" v="503" actId="20577"/>
      <pc:docMkLst>
        <pc:docMk/>
      </pc:docMkLst>
      <pc:sldChg chg="modSp mod">
        <pc:chgData name="LIU, SumYin [Student]" userId="249ac7fb-9f50-4d2f-a0f3-c92e4dbde324" providerId="ADAL" clId="{0B2DB6CA-8891-9441-8B44-0EDBEE4B23ED}" dt="2021-10-29T11:50:31.028" v="111" actId="20577"/>
        <pc:sldMkLst>
          <pc:docMk/>
          <pc:sldMk cId="2876942652" sldId="306"/>
        </pc:sldMkLst>
        <pc:spChg chg="mod">
          <ac:chgData name="LIU, SumYin [Student]" userId="249ac7fb-9f50-4d2f-a0f3-c92e4dbde324" providerId="ADAL" clId="{0B2DB6CA-8891-9441-8B44-0EDBEE4B23ED}" dt="2021-10-29T11:50:31.028" v="111" actId="20577"/>
          <ac:spMkLst>
            <pc:docMk/>
            <pc:sldMk cId="2876942652" sldId="306"/>
            <ac:spMk id="2" creationId="{A86B5722-A690-4353-AA7F-2A6234B4A6E3}"/>
          </ac:spMkLst>
        </pc:spChg>
      </pc:sldChg>
      <pc:sldChg chg="modSp mod">
        <pc:chgData name="LIU, SumYin [Student]" userId="249ac7fb-9f50-4d2f-a0f3-c92e4dbde324" providerId="ADAL" clId="{0B2DB6CA-8891-9441-8B44-0EDBEE4B23ED}" dt="2021-11-01T02:04:08.201" v="488" actId="20577"/>
        <pc:sldMkLst>
          <pc:docMk/>
          <pc:sldMk cId="579860046" sldId="310"/>
        </pc:sldMkLst>
        <pc:spChg chg="mod">
          <ac:chgData name="LIU, SumYin [Student]" userId="249ac7fb-9f50-4d2f-a0f3-c92e4dbde324" providerId="ADAL" clId="{0B2DB6CA-8891-9441-8B44-0EDBEE4B23ED}" dt="2021-11-01T01:58:23.862" v="316" actId="1035"/>
          <ac:spMkLst>
            <pc:docMk/>
            <pc:sldMk cId="579860046" sldId="310"/>
            <ac:spMk id="2" creationId="{62180A23-A45D-4B7B-A298-822085B18D9A}"/>
          </ac:spMkLst>
        </pc:spChg>
        <pc:spChg chg="mod">
          <ac:chgData name="LIU, SumYin [Student]" userId="249ac7fb-9f50-4d2f-a0f3-c92e4dbde324" providerId="ADAL" clId="{0B2DB6CA-8891-9441-8B44-0EDBEE4B23ED}" dt="2021-11-01T01:57:58.459" v="246" actId="1035"/>
          <ac:spMkLst>
            <pc:docMk/>
            <pc:sldMk cId="579860046" sldId="310"/>
            <ac:spMk id="3" creationId="{EDCA11DF-12AC-4B86-B959-BA2E0C2C9108}"/>
          </ac:spMkLst>
        </pc:spChg>
        <pc:spChg chg="mod">
          <ac:chgData name="LIU, SumYin [Student]" userId="249ac7fb-9f50-4d2f-a0f3-c92e4dbde324" providerId="ADAL" clId="{0B2DB6CA-8891-9441-8B44-0EDBEE4B23ED}" dt="2021-11-01T02:04:08.201" v="488" actId="20577"/>
          <ac:spMkLst>
            <pc:docMk/>
            <pc:sldMk cId="579860046" sldId="310"/>
            <ac:spMk id="7" creationId="{B34CC871-BDD7-425C-B3E7-84BDF0E829B7}"/>
          </ac:spMkLst>
        </pc:spChg>
        <pc:spChg chg="mod">
          <ac:chgData name="LIU, SumYin [Student]" userId="249ac7fb-9f50-4d2f-a0f3-c92e4dbde324" providerId="ADAL" clId="{0B2DB6CA-8891-9441-8B44-0EDBEE4B23ED}" dt="2021-11-01T01:58:02.154" v="257" actId="1035"/>
          <ac:spMkLst>
            <pc:docMk/>
            <pc:sldMk cId="579860046" sldId="310"/>
            <ac:spMk id="9" creationId="{C20DBE3A-0721-48A7-89E7-16048E373952}"/>
          </ac:spMkLst>
        </pc:spChg>
        <pc:spChg chg="mod">
          <ac:chgData name="LIU, SumYin [Student]" userId="249ac7fb-9f50-4d2f-a0f3-c92e4dbde324" providerId="ADAL" clId="{0B2DB6CA-8891-9441-8B44-0EDBEE4B23ED}" dt="2021-11-01T01:58:07.460" v="269" actId="1035"/>
          <ac:spMkLst>
            <pc:docMk/>
            <pc:sldMk cId="579860046" sldId="310"/>
            <ac:spMk id="10" creationId="{075B13C0-01C6-4908-A814-300A7424DDF2}"/>
          </ac:spMkLst>
        </pc:spChg>
        <pc:spChg chg="mod">
          <ac:chgData name="LIU, SumYin [Student]" userId="249ac7fb-9f50-4d2f-a0f3-c92e4dbde324" providerId="ADAL" clId="{0B2DB6CA-8891-9441-8B44-0EDBEE4B23ED}" dt="2021-11-01T01:58:13.061" v="282" actId="1035"/>
          <ac:spMkLst>
            <pc:docMk/>
            <pc:sldMk cId="579860046" sldId="310"/>
            <ac:spMk id="11" creationId="{24F7F044-6F44-4AAF-AE4A-22431A64A143}"/>
          </ac:spMkLst>
        </pc:spChg>
        <pc:spChg chg="mod">
          <ac:chgData name="LIU, SumYin [Student]" userId="249ac7fb-9f50-4d2f-a0f3-c92e4dbde324" providerId="ADAL" clId="{0B2DB6CA-8891-9441-8B44-0EDBEE4B23ED}" dt="2021-11-01T01:58:30.013" v="331" actId="1035"/>
          <ac:spMkLst>
            <pc:docMk/>
            <pc:sldMk cId="579860046" sldId="310"/>
            <ac:spMk id="12" creationId="{034948B8-DFDF-49F4-94C9-65DB44A7FF84}"/>
          </ac:spMkLst>
        </pc:spChg>
      </pc:sldChg>
      <pc:sldChg chg="modSp mod">
        <pc:chgData name="LIU, SumYin [Student]" userId="249ac7fb-9f50-4d2f-a0f3-c92e4dbde324" providerId="ADAL" clId="{0B2DB6CA-8891-9441-8B44-0EDBEE4B23ED}" dt="2021-11-01T02:05:39.367" v="503" actId="20577"/>
        <pc:sldMkLst>
          <pc:docMk/>
          <pc:sldMk cId="57273043" sldId="317"/>
        </pc:sldMkLst>
        <pc:spChg chg="mod">
          <ac:chgData name="LIU, SumYin [Student]" userId="249ac7fb-9f50-4d2f-a0f3-c92e4dbde324" providerId="ADAL" clId="{0B2DB6CA-8891-9441-8B44-0EDBEE4B23ED}" dt="2021-11-01T02:05:39.367" v="503" actId="20577"/>
          <ac:spMkLst>
            <pc:docMk/>
            <pc:sldMk cId="57273043" sldId="317"/>
            <ac:spMk id="7" creationId="{B34CC871-BDD7-425C-B3E7-84BDF0E829B7}"/>
          </ac:spMkLst>
        </pc:spChg>
      </pc:sldChg>
      <pc:sldChg chg="new del">
        <pc:chgData name="LIU, SumYin [Student]" userId="249ac7fb-9f50-4d2f-a0f3-c92e4dbde324" providerId="ADAL" clId="{0B2DB6CA-8891-9441-8B44-0EDBEE4B23ED}" dt="2021-10-26T14:25:24.428" v="1" actId="2696"/>
        <pc:sldMkLst>
          <pc:docMk/>
          <pc:sldMk cId="1834790463" sldId="320"/>
        </pc:sldMkLst>
      </pc:sldChg>
      <pc:sldChg chg="modSp mod">
        <pc:chgData name="LIU, SumYin [Student]" userId="249ac7fb-9f50-4d2f-a0f3-c92e4dbde324" providerId="ADAL" clId="{0B2DB6CA-8891-9441-8B44-0EDBEE4B23ED}" dt="2021-10-26T14:56:22.964" v="8" actId="20577"/>
        <pc:sldMkLst>
          <pc:docMk/>
          <pc:sldMk cId="2594107415" sldId="321"/>
        </pc:sldMkLst>
        <pc:spChg chg="mod">
          <ac:chgData name="LIU, SumYin [Student]" userId="249ac7fb-9f50-4d2f-a0f3-c92e4dbde324" providerId="ADAL" clId="{0B2DB6CA-8891-9441-8B44-0EDBEE4B23ED}" dt="2021-10-26T14:56:22.964" v="8" actId="20577"/>
          <ac:spMkLst>
            <pc:docMk/>
            <pc:sldMk cId="2594107415" sldId="321"/>
            <ac:spMk id="3" creationId="{E0E875AA-0E87-4CAB-80E8-96B0339FFE51}"/>
          </ac:spMkLst>
        </pc:spChg>
      </pc:sldChg>
      <pc:sldChg chg="new del">
        <pc:chgData name="LIU, SumYin [Student]" userId="249ac7fb-9f50-4d2f-a0f3-c92e4dbde324" providerId="ADAL" clId="{0B2DB6CA-8891-9441-8B44-0EDBEE4B23ED}" dt="2021-11-01T01:51:07.258" v="113" actId="680"/>
        <pc:sldMkLst>
          <pc:docMk/>
          <pc:sldMk cId="2423811685" sldId="330"/>
        </pc:sldMkLst>
      </pc:sldChg>
      <pc:sldChg chg="delSp modSp new del mod ord">
        <pc:chgData name="LIU, SumYin [Student]" userId="249ac7fb-9f50-4d2f-a0f3-c92e4dbde324" providerId="ADAL" clId="{0B2DB6CA-8891-9441-8B44-0EDBEE4B23ED}" dt="2021-11-01T01:56:34.712" v="191" actId="2696"/>
        <pc:sldMkLst>
          <pc:docMk/>
          <pc:sldMk cId="3331514959" sldId="330"/>
        </pc:sldMkLst>
        <pc:spChg chg="del">
          <ac:chgData name="LIU, SumYin [Student]" userId="249ac7fb-9f50-4d2f-a0f3-c92e4dbde324" providerId="ADAL" clId="{0B2DB6CA-8891-9441-8B44-0EDBEE4B23ED}" dt="2021-11-01T01:55:49.727" v="188" actId="478"/>
          <ac:spMkLst>
            <pc:docMk/>
            <pc:sldMk cId="3331514959" sldId="330"/>
            <ac:spMk id="2" creationId="{E9A322BB-7A0B-9F42-81DA-1A276BFFD00C}"/>
          </ac:spMkLst>
        </pc:spChg>
        <pc:spChg chg="mod">
          <ac:chgData name="LIU, SumYin [Student]" userId="249ac7fb-9f50-4d2f-a0f3-c92e4dbde324" providerId="ADAL" clId="{0B2DB6CA-8891-9441-8B44-0EDBEE4B23ED}" dt="2021-11-01T01:56:03.347" v="190" actId="1076"/>
          <ac:spMkLst>
            <pc:docMk/>
            <pc:sldMk cId="3331514959" sldId="330"/>
            <ac:spMk id="3" creationId="{8FA92021-6261-3B44-A4AC-7178C4EE3ACD}"/>
          </ac:spMkLst>
        </pc:spChg>
        <pc:spChg chg="del">
          <ac:chgData name="LIU, SumYin [Student]" userId="249ac7fb-9f50-4d2f-a0f3-c92e4dbde324" providerId="ADAL" clId="{0B2DB6CA-8891-9441-8B44-0EDBEE4B23ED}" dt="2021-11-01T01:55:54.995" v="189" actId="478"/>
          <ac:spMkLst>
            <pc:docMk/>
            <pc:sldMk cId="3331514959" sldId="330"/>
            <ac:spMk id="4" creationId="{8AD87394-0C68-514A-87ED-3F7B320B334C}"/>
          </ac:spMkLst>
        </pc:spChg>
        <pc:spChg chg="mod">
          <ac:chgData name="LIU, SumYin [Student]" userId="249ac7fb-9f50-4d2f-a0f3-c92e4dbde324" providerId="ADAL" clId="{0B2DB6CA-8891-9441-8B44-0EDBEE4B23ED}" dt="2021-11-01T01:52:31.954" v="187" actId="20577"/>
          <ac:spMkLst>
            <pc:docMk/>
            <pc:sldMk cId="3331514959" sldId="330"/>
            <ac:spMk id="6" creationId="{66AF9EC2-D8D9-9C4D-8E50-7107FCCF0ED1}"/>
          </ac:spMkLst>
        </pc:spChg>
      </pc:sldChg>
      <pc:sldMasterChg chg="modSldLayout">
        <pc:chgData name="LIU, SumYin [Student]" userId="249ac7fb-9f50-4d2f-a0f3-c92e4dbde324" providerId="ADAL" clId="{0B2DB6CA-8891-9441-8B44-0EDBEE4B23ED}" dt="2021-11-01T01:52:08.590" v="161" actId="1036"/>
        <pc:sldMasterMkLst>
          <pc:docMk/>
          <pc:sldMasterMk cId="0" sldId="2147483669"/>
        </pc:sldMasterMkLst>
        <pc:sldLayoutChg chg="modSp mod">
          <pc:chgData name="LIU, SumYin [Student]" userId="249ac7fb-9f50-4d2f-a0f3-c92e4dbde324" providerId="ADAL" clId="{0B2DB6CA-8891-9441-8B44-0EDBEE4B23ED}" dt="2021-11-01T01:52:08.590" v="161" actId="1036"/>
          <pc:sldLayoutMkLst>
            <pc:docMk/>
            <pc:sldMasterMk cId="0" sldId="2147483669"/>
            <pc:sldLayoutMk cId="0" sldId="2147483651"/>
          </pc:sldLayoutMkLst>
          <pc:spChg chg="mod">
            <ac:chgData name="LIU, SumYin [Student]" userId="249ac7fb-9f50-4d2f-a0f3-c92e4dbde324" providerId="ADAL" clId="{0B2DB6CA-8891-9441-8B44-0EDBEE4B23ED}" dt="2021-11-01T01:52:08.590" v="161" actId="1036"/>
            <ac:spMkLst>
              <pc:docMk/>
              <pc:sldMasterMk cId="0" sldId="2147483669"/>
              <pc:sldLayoutMk cId="0" sldId="2147483651"/>
              <ac:spMk id="23" creationId="{00000000-0000-0000-0000-000000000000}"/>
            </ac:spMkLst>
          </pc:spChg>
        </pc:sldLayoutChg>
      </pc:sldMasterChg>
    </pc:docChg>
  </pc:docChgLst>
  <pc:docChgLst>
    <pc:chgData name="FUNG, Ka Chun Tim [Student]" userId="S::18059161d@connect.polyu.hk::59ec9a4b-e42f-4c79-9d8e-09d547616725" providerId="AD" clId="Web-{E2FCB3BD-1696-E050-0B5B-632D1C47E4F2}"/>
    <pc:docChg chg="modSld">
      <pc:chgData name="FUNG, Ka Chun Tim [Student]" userId="S::18059161d@connect.polyu.hk::59ec9a4b-e42f-4c79-9d8e-09d547616725" providerId="AD" clId="Web-{E2FCB3BD-1696-E050-0B5B-632D1C47E4F2}" dt="2021-11-01T01:41:33.244" v="371" actId="1076"/>
      <pc:docMkLst>
        <pc:docMk/>
      </pc:docMkLst>
      <pc:sldChg chg="modSp">
        <pc:chgData name="FUNG, Ka Chun Tim [Student]" userId="S::18059161d@connect.polyu.hk::59ec9a4b-e42f-4c79-9d8e-09d547616725" providerId="AD" clId="Web-{E2FCB3BD-1696-E050-0B5B-632D1C47E4F2}" dt="2021-11-01T01:41:33.244" v="371" actId="1076"/>
        <pc:sldMkLst>
          <pc:docMk/>
          <pc:sldMk cId="3676948722" sldId="309"/>
        </pc:sldMkLst>
        <pc:cxnChg chg="mod">
          <ac:chgData name="FUNG, Ka Chun Tim [Student]" userId="S::18059161d@connect.polyu.hk::59ec9a4b-e42f-4c79-9d8e-09d547616725" providerId="AD" clId="Web-{E2FCB3BD-1696-E050-0B5B-632D1C47E4F2}" dt="2021-11-01T01:41:33.244" v="371" actId="1076"/>
          <ac:cxnSpMkLst>
            <pc:docMk/>
            <pc:sldMk cId="3676948722" sldId="309"/>
            <ac:cxnSpMk id="5" creationId="{3D722816-D3C6-40D3-83A4-F0BFE6B220B1}"/>
          </ac:cxnSpMkLst>
        </pc:cxnChg>
      </pc:sldChg>
      <pc:sldChg chg="modSp">
        <pc:chgData name="FUNG, Ka Chun Tim [Student]" userId="S::18059161d@connect.polyu.hk::59ec9a4b-e42f-4c79-9d8e-09d547616725" providerId="AD" clId="Web-{E2FCB3BD-1696-E050-0B5B-632D1C47E4F2}" dt="2021-11-01T01:39:55.726" v="370" actId="20577"/>
        <pc:sldMkLst>
          <pc:docMk/>
          <pc:sldMk cId="3093510988" sldId="313"/>
        </pc:sldMkLst>
        <pc:spChg chg="mod">
          <ac:chgData name="FUNG, Ka Chun Tim [Student]" userId="S::18059161d@connect.polyu.hk::59ec9a4b-e42f-4c79-9d8e-09d547616725" providerId="AD" clId="Web-{E2FCB3BD-1696-E050-0B5B-632D1C47E4F2}" dt="2021-11-01T01:39:55.726" v="370" actId="20577"/>
          <ac:spMkLst>
            <pc:docMk/>
            <pc:sldMk cId="3093510988" sldId="313"/>
            <ac:spMk id="7" creationId="{B34CC871-BDD7-425C-B3E7-84BDF0E829B7}"/>
          </ac:spMkLst>
        </pc:spChg>
      </pc:sldChg>
    </pc:docChg>
  </pc:docChgLst>
  <pc:docChgLst>
    <pc:chgData name="CHEUNG, Hiu Ching Athena [Student]" userId="03cc0922-5853-4d01-aac9-cbffaf26e9d9" providerId="ADAL" clId="{2F9B33E2-02F2-493A-91DD-FF13895AABAC}"/>
    <pc:docChg chg="undo custSel addSld delSld modSld sldOrd delMainMaster">
      <pc:chgData name="CHEUNG, Hiu Ching Athena [Student]" userId="03cc0922-5853-4d01-aac9-cbffaf26e9d9" providerId="ADAL" clId="{2F9B33E2-02F2-493A-91DD-FF13895AABAC}" dt="2021-08-20T06:07:47.263" v="2662" actId="20577"/>
      <pc:docMkLst>
        <pc:docMk/>
      </pc:docMkLst>
      <pc:sldChg chg="modSp mod">
        <pc:chgData name="CHEUNG, Hiu Ching Athena [Student]" userId="03cc0922-5853-4d01-aac9-cbffaf26e9d9" providerId="ADAL" clId="{2F9B33E2-02F2-493A-91DD-FF13895AABAC}" dt="2021-08-20T05:11:02.554" v="2615" actId="14100"/>
        <pc:sldMkLst>
          <pc:docMk/>
          <pc:sldMk cId="0" sldId="256"/>
        </pc:sldMkLst>
        <pc:spChg chg="mod">
          <ac:chgData name="CHEUNG, Hiu Ching Athena [Student]" userId="03cc0922-5853-4d01-aac9-cbffaf26e9d9" providerId="ADAL" clId="{2F9B33E2-02F2-493A-91DD-FF13895AABAC}" dt="2021-08-20T05:11:02.554" v="2615" actId="14100"/>
          <ac:spMkLst>
            <pc:docMk/>
            <pc:sldMk cId="0" sldId="256"/>
            <ac:spMk id="190" creationId="{00000000-0000-0000-0000-000000000000}"/>
          </ac:spMkLst>
        </pc:spChg>
      </pc:sldChg>
      <pc:sldChg chg="modSp mod">
        <pc:chgData name="CHEUNG, Hiu Ching Athena [Student]" userId="03cc0922-5853-4d01-aac9-cbffaf26e9d9" providerId="ADAL" clId="{2F9B33E2-02F2-493A-91DD-FF13895AABAC}" dt="2021-08-20T04:09:25.218" v="2598" actId="20577"/>
        <pc:sldMkLst>
          <pc:docMk/>
          <pc:sldMk cId="0" sldId="258"/>
        </pc:sldMkLst>
        <pc:spChg chg="mod">
          <ac:chgData name="CHEUNG, Hiu Ching Athena [Student]" userId="03cc0922-5853-4d01-aac9-cbffaf26e9d9" providerId="ADAL" clId="{2F9B33E2-02F2-493A-91DD-FF13895AABAC}" dt="2021-08-11T05:56:57.747" v="1317" actId="20577"/>
          <ac:spMkLst>
            <pc:docMk/>
            <pc:sldMk cId="0" sldId="258"/>
            <ac:spMk id="206" creationId="{00000000-0000-0000-0000-000000000000}"/>
          </ac:spMkLst>
        </pc:spChg>
        <pc:spChg chg="mod">
          <ac:chgData name="CHEUNG, Hiu Ching Athena [Student]" userId="03cc0922-5853-4d01-aac9-cbffaf26e9d9" providerId="ADAL" clId="{2F9B33E2-02F2-493A-91DD-FF13895AABAC}" dt="2021-08-20T04:09:25.218" v="2598" actId="20577"/>
          <ac:spMkLst>
            <pc:docMk/>
            <pc:sldMk cId="0" sldId="258"/>
            <ac:spMk id="212" creationId="{00000000-0000-0000-0000-000000000000}"/>
          </ac:spMkLst>
        </pc:spChg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59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60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61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62"/>
        </pc:sldMkLst>
      </pc:sldChg>
      <pc:sldChg chg="addSp delSp modSp mod">
        <pc:chgData name="CHEUNG, Hiu Ching Athena [Student]" userId="03cc0922-5853-4d01-aac9-cbffaf26e9d9" providerId="ADAL" clId="{2F9B33E2-02F2-493A-91DD-FF13895AABAC}" dt="2021-08-20T06:07:47.263" v="2662" actId="20577"/>
        <pc:sldMkLst>
          <pc:docMk/>
          <pc:sldMk cId="0" sldId="263"/>
        </pc:sldMkLst>
        <pc:spChg chg="add mod">
          <ac:chgData name="CHEUNG, Hiu Ching Athena [Student]" userId="03cc0922-5853-4d01-aac9-cbffaf26e9d9" providerId="ADAL" clId="{2F9B33E2-02F2-493A-91DD-FF13895AABAC}" dt="2021-08-11T13:03:47.609" v="1335"/>
          <ac:spMkLst>
            <pc:docMk/>
            <pc:sldMk cId="0" sldId="263"/>
            <ac:spMk id="10" creationId="{4FCAE60E-9FA2-40EF-991C-D42E08AFD781}"/>
          </ac:spMkLst>
        </pc:spChg>
        <pc:spChg chg="add mod">
          <ac:chgData name="CHEUNG, Hiu Ching Athena [Student]" userId="03cc0922-5853-4d01-aac9-cbffaf26e9d9" providerId="ADAL" clId="{2F9B33E2-02F2-493A-91DD-FF13895AABAC}" dt="2021-08-11T13:03:47.609" v="1335"/>
          <ac:spMkLst>
            <pc:docMk/>
            <pc:sldMk cId="0" sldId="263"/>
            <ac:spMk id="11" creationId="{EE80D014-61F1-4A8D-84F4-8E8745470C75}"/>
          </ac:spMkLst>
        </pc:spChg>
        <pc:spChg chg="del">
          <ac:chgData name="CHEUNG, Hiu Ching Athena [Student]" userId="03cc0922-5853-4d01-aac9-cbffaf26e9d9" providerId="ADAL" clId="{2F9B33E2-02F2-493A-91DD-FF13895AABAC}" dt="2021-08-11T13:03:47.405" v="1334" actId="478"/>
          <ac:spMkLst>
            <pc:docMk/>
            <pc:sldMk cId="0" sldId="263"/>
            <ac:spMk id="334" creationId="{00000000-0000-0000-0000-000000000000}"/>
          </ac:spMkLst>
        </pc:spChg>
        <pc:spChg chg="mod">
          <ac:chgData name="CHEUNG, Hiu Ching Athena [Student]" userId="03cc0922-5853-4d01-aac9-cbffaf26e9d9" providerId="ADAL" clId="{2F9B33E2-02F2-493A-91DD-FF13895AABAC}" dt="2021-08-20T06:07:47.263" v="2662" actId="20577"/>
          <ac:spMkLst>
            <pc:docMk/>
            <pc:sldMk cId="0" sldId="263"/>
            <ac:spMk id="360" creationId="{00000000-0000-0000-0000-000000000000}"/>
          </ac:spMkLst>
        </pc:spChg>
        <pc:picChg chg="add mod">
          <ac:chgData name="CHEUNG, Hiu Ching Athena [Student]" userId="03cc0922-5853-4d01-aac9-cbffaf26e9d9" providerId="ADAL" clId="{2F9B33E2-02F2-493A-91DD-FF13895AABAC}" dt="2021-08-11T03:17:59.452" v="157" actId="571"/>
          <ac:picMkLst>
            <pc:docMk/>
            <pc:sldMk cId="0" sldId="263"/>
            <ac:picMk id="10" creationId="{F6ECC1AB-6CB0-40BC-B683-C21FE6FCF5FB}"/>
          </ac:picMkLst>
        </pc:picChg>
        <pc:picChg chg="add mod">
          <ac:chgData name="CHEUNG, Hiu Ching Athena [Student]" userId="03cc0922-5853-4d01-aac9-cbffaf26e9d9" providerId="ADAL" clId="{2F9B33E2-02F2-493A-91DD-FF13895AABAC}" dt="2021-08-11T03:17:59.452" v="157" actId="571"/>
          <ac:picMkLst>
            <pc:docMk/>
            <pc:sldMk cId="0" sldId="263"/>
            <ac:picMk id="11" creationId="{216E884A-C169-4504-A1CD-6D1FADAB9B74}"/>
          </ac:picMkLst>
        </pc:picChg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64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65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66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70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71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72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73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75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76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79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0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1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2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5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6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7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8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9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90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91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92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93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94"/>
        </pc:sldMkLst>
      </pc:sldChg>
      <pc:sldChg chg="addSp delSp modSp mod">
        <pc:chgData name="CHEUNG, Hiu Ching Athena [Student]" userId="03cc0922-5853-4d01-aac9-cbffaf26e9d9" providerId="ADAL" clId="{2F9B33E2-02F2-493A-91DD-FF13895AABAC}" dt="2021-08-11T13:04:00.307" v="1337"/>
        <pc:sldMkLst>
          <pc:docMk/>
          <pc:sldMk cId="3277186160" sldId="296"/>
        </pc:sldMkLst>
        <pc:spChg chg="add mod">
          <ac:chgData name="CHEUNG, Hiu Ching Athena [Student]" userId="03cc0922-5853-4d01-aac9-cbffaf26e9d9" providerId="ADAL" clId="{2F9B33E2-02F2-493A-91DD-FF13895AABAC}" dt="2021-08-11T13:04:00.307" v="1337"/>
          <ac:spMkLst>
            <pc:docMk/>
            <pc:sldMk cId="3277186160" sldId="296"/>
            <ac:spMk id="12" creationId="{E87C9C84-1EAE-438E-8E86-9B653CB86215}"/>
          </ac:spMkLst>
        </pc:spChg>
        <pc:spChg chg="del">
          <ac:chgData name="CHEUNG, Hiu Ching Athena [Student]" userId="03cc0922-5853-4d01-aac9-cbffaf26e9d9" providerId="ADAL" clId="{2F9B33E2-02F2-493A-91DD-FF13895AABAC}" dt="2021-08-11T13:04:00.181" v="1336" actId="478"/>
          <ac:spMkLst>
            <pc:docMk/>
            <pc:sldMk cId="3277186160" sldId="296"/>
            <ac:spMk id="334" creationId="{00000000-0000-0000-0000-000000000000}"/>
          </ac:spMkLst>
        </pc:spChg>
      </pc:sldChg>
      <pc:sldChg chg="addSp delSp modSp mod">
        <pc:chgData name="CHEUNG, Hiu Ching Athena [Student]" userId="03cc0922-5853-4d01-aac9-cbffaf26e9d9" providerId="ADAL" clId="{2F9B33E2-02F2-493A-91DD-FF13895AABAC}" dt="2021-08-20T04:08:59.208" v="2584" actId="20577"/>
        <pc:sldMkLst>
          <pc:docMk/>
          <pc:sldMk cId="677456615" sldId="297"/>
        </pc:sldMkLst>
        <pc:spChg chg="add mod">
          <ac:chgData name="CHEUNG, Hiu Ching Athena [Student]" userId="03cc0922-5853-4d01-aac9-cbffaf26e9d9" providerId="ADAL" clId="{2F9B33E2-02F2-493A-91DD-FF13895AABAC}" dt="2021-08-11T13:04:06.719" v="1339"/>
          <ac:spMkLst>
            <pc:docMk/>
            <pc:sldMk cId="677456615" sldId="297"/>
            <ac:spMk id="9" creationId="{FC7349BA-E40B-4021-8350-DD51BF1FFD22}"/>
          </ac:spMkLst>
        </pc:spChg>
        <pc:spChg chg="del">
          <ac:chgData name="CHEUNG, Hiu Ching Athena [Student]" userId="03cc0922-5853-4d01-aac9-cbffaf26e9d9" providerId="ADAL" clId="{2F9B33E2-02F2-493A-91DD-FF13895AABAC}" dt="2021-08-11T13:04:06.583" v="1338" actId="478"/>
          <ac:spMkLst>
            <pc:docMk/>
            <pc:sldMk cId="677456615" sldId="297"/>
            <ac:spMk id="334" creationId="{00000000-0000-0000-0000-000000000000}"/>
          </ac:spMkLst>
        </pc:spChg>
        <pc:spChg chg="mod">
          <ac:chgData name="CHEUNG, Hiu Ching Athena [Student]" userId="03cc0922-5853-4d01-aac9-cbffaf26e9d9" providerId="ADAL" clId="{2F9B33E2-02F2-493A-91DD-FF13895AABAC}" dt="2021-08-11T03:15:02.150" v="149" actId="20577"/>
          <ac:spMkLst>
            <pc:docMk/>
            <pc:sldMk cId="677456615" sldId="297"/>
            <ac:spMk id="359" creationId="{00000000-0000-0000-0000-000000000000}"/>
          </ac:spMkLst>
        </pc:spChg>
        <pc:spChg chg="mod">
          <ac:chgData name="CHEUNG, Hiu Ching Athena [Student]" userId="03cc0922-5853-4d01-aac9-cbffaf26e9d9" providerId="ADAL" clId="{2F9B33E2-02F2-493A-91DD-FF13895AABAC}" dt="2021-08-20T04:08:59.208" v="2584" actId="20577"/>
          <ac:spMkLst>
            <pc:docMk/>
            <pc:sldMk cId="677456615" sldId="297"/>
            <ac:spMk id="360" creationId="{00000000-0000-0000-0000-000000000000}"/>
          </ac:spMkLst>
        </pc:spChg>
      </pc:sldChg>
      <pc:sldChg chg="modSp mod">
        <pc:chgData name="CHEUNG, Hiu Ching Athena [Student]" userId="03cc0922-5853-4d01-aac9-cbffaf26e9d9" providerId="ADAL" clId="{2F9B33E2-02F2-493A-91DD-FF13895AABAC}" dt="2021-08-11T03:15:09.555" v="154" actId="20577"/>
        <pc:sldMkLst>
          <pc:docMk/>
          <pc:sldMk cId="4240448844" sldId="298"/>
        </pc:sldMkLst>
        <pc:spChg chg="mod">
          <ac:chgData name="CHEUNG, Hiu Ching Athena [Student]" userId="03cc0922-5853-4d01-aac9-cbffaf26e9d9" providerId="ADAL" clId="{2F9B33E2-02F2-493A-91DD-FF13895AABAC}" dt="2021-08-11T03:15:09.555" v="154" actId="20577"/>
          <ac:spMkLst>
            <pc:docMk/>
            <pc:sldMk cId="4240448844" sldId="298"/>
            <ac:spMk id="359" creationId="{00000000-0000-0000-0000-000000000000}"/>
          </ac:spMkLst>
        </pc:spChg>
        <pc:spChg chg="mod">
          <ac:chgData name="CHEUNG, Hiu Ching Athena [Student]" userId="03cc0922-5853-4d01-aac9-cbffaf26e9d9" providerId="ADAL" clId="{2F9B33E2-02F2-493A-91DD-FF13895AABAC}" dt="2021-08-11T03:13:40.097" v="138" actId="20577"/>
          <ac:spMkLst>
            <pc:docMk/>
            <pc:sldMk cId="4240448844" sldId="298"/>
            <ac:spMk id="360" creationId="{00000000-0000-0000-0000-000000000000}"/>
          </ac:spMkLst>
        </pc:spChg>
      </pc:sldChg>
      <pc:sldChg chg="addSp delSp modSp add mod">
        <pc:chgData name="CHEUNG, Hiu Ching Athena [Student]" userId="03cc0922-5853-4d01-aac9-cbffaf26e9d9" providerId="ADAL" clId="{2F9B33E2-02F2-493A-91DD-FF13895AABAC}" dt="2021-08-20T06:07:41.896" v="2660" actId="20577"/>
        <pc:sldMkLst>
          <pc:docMk/>
          <pc:sldMk cId="941444539" sldId="299"/>
        </pc:sldMkLst>
        <pc:spChg chg="add del mod">
          <ac:chgData name="CHEUNG, Hiu Ching Athena [Student]" userId="03cc0922-5853-4d01-aac9-cbffaf26e9d9" providerId="ADAL" clId="{2F9B33E2-02F2-493A-91DD-FF13895AABAC}" dt="2021-08-11T03:18:41.570" v="202" actId="478"/>
          <ac:spMkLst>
            <pc:docMk/>
            <pc:sldMk cId="941444539" sldId="299"/>
            <ac:spMk id="3" creationId="{8334F55C-7609-4C88-9027-7183047635E0}"/>
          </ac:spMkLst>
        </pc:spChg>
        <pc:spChg chg="add del mod">
          <ac:chgData name="CHEUNG, Hiu Ching Athena [Student]" userId="03cc0922-5853-4d01-aac9-cbffaf26e9d9" providerId="ADAL" clId="{2F9B33E2-02F2-493A-91DD-FF13895AABAC}" dt="2021-08-11T03:18:41.570" v="202" actId="478"/>
          <ac:spMkLst>
            <pc:docMk/>
            <pc:sldMk cId="941444539" sldId="299"/>
            <ac:spMk id="5" creationId="{1BB98DCA-3F3A-4EF8-A2C7-879D2837BA6D}"/>
          </ac:spMkLst>
        </pc:spChg>
        <pc:spChg chg="add del mod">
          <ac:chgData name="CHEUNG, Hiu Ching Athena [Student]" userId="03cc0922-5853-4d01-aac9-cbffaf26e9d9" providerId="ADAL" clId="{2F9B33E2-02F2-493A-91DD-FF13895AABAC}" dt="2021-08-11T03:18:41.570" v="202" actId="478"/>
          <ac:spMkLst>
            <pc:docMk/>
            <pc:sldMk cId="941444539" sldId="299"/>
            <ac:spMk id="7" creationId="{090661D4-5CD1-4E2C-A7BD-AD2301050A51}"/>
          </ac:spMkLst>
        </pc:spChg>
        <pc:spChg chg="add del mod">
          <ac:chgData name="CHEUNG, Hiu Ching Athena [Student]" userId="03cc0922-5853-4d01-aac9-cbffaf26e9d9" providerId="ADAL" clId="{2F9B33E2-02F2-493A-91DD-FF13895AABAC}" dt="2021-08-13T04:28:21.271" v="1528"/>
          <ac:spMkLst>
            <pc:docMk/>
            <pc:sldMk cId="941444539" sldId="299"/>
            <ac:spMk id="8" creationId="{6E8F25B8-DEFA-43FA-844C-46C90FF4334B}"/>
          </ac:spMkLst>
        </pc:spChg>
        <pc:spChg chg="add del mod">
          <ac:chgData name="CHEUNG, Hiu Ching Athena [Student]" userId="03cc0922-5853-4d01-aac9-cbffaf26e9d9" providerId="ADAL" clId="{2F9B33E2-02F2-493A-91DD-FF13895AABAC}" dt="2021-08-11T03:18:41.570" v="202" actId="478"/>
          <ac:spMkLst>
            <pc:docMk/>
            <pc:sldMk cId="941444539" sldId="299"/>
            <ac:spMk id="9" creationId="{E3603701-BD48-41D7-A14D-869C951B189F}"/>
          </ac:spMkLst>
        </pc:spChg>
        <pc:spChg chg="add del mod">
          <ac:chgData name="CHEUNG, Hiu Ching Athena [Student]" userId="03cc0922-5853-4d01-aac9-cbffaf26e9d9" providerId="ADAL" clId="{2F9B33E2-02F2-493A-91DD-FF13895AABAC}" dt="2021-08-11T03:18:41.570" v="202" actId="478"/>
          <ac:spMkLst>
            <pc:docMk/>
            <pc:sldMk cId="941444539" sldId="299"/>
            <ac:spMk id="11" creationId="{701B5B15-2898-45E8-AB39-4DA8365CC22B}"/>
          </ac:spMkLst>
        </pc:spChg>
        <pc:spChg chg="add del mod">
          <ac:chgData name="CHEUNG, Hiu Ching Athena [Student]" userId="03cc0922-5853-4d01-aac9-cbffaf26e9d9" providerId="ADAL" clId="{2F9B33E2-02F2-493A-91DD-FF13895AABAC}" dt="2021-08-11T03:18:41.570" v="202" actId="478"/>
          <ac:spMkLst>
            <pc:docMk/>
            <pc:sldMk cId="941444539" sldId="299"/>
            <ac:spMk id="15" creationId="{A72B252F-E8C1-40D2-A015-E3F3E7223DD8}"/>
          </ac:spMkLst>
        </pc:spChg>
        <pc:spChg chg="add mod">
          <ac:chgData name="CHEUNG, Hiu Ching Athena [Student]" userId="03cc0922-5853-4d01-aac9-cbffaf26e9d9" providerId="ADAL" clId="{2F9B33E2-02F2-493A-91DD-FF13895AABAC}" dt="2021-08-11T05:51:14.230" v="1046" actId="20577"/>
          <ac:spMkLst>
            <pc:docMk/>
            <pc:sldMk cId="941444539" sldId="299"/>
            <ac:spMk id="16" creationId="{160F6E03-22BB-48F7-AF93-AC84700AA67F}"/>
          </ac:spMkLst>
        </pc:spChg>
        <pc:spChg chg="mod">
          <ac:chgData name="CHEUNG, Hiu Ching Athena [Student]" userId="03cc0922-5853-4d01-aac9-cbffaf26e9d9" providerId="ADAL" clId="{2F9B33E2-02F2-493A-91DD-FF13895AABAC}" dt="2021-08-20T06:07:41.896" v="2660" actId="20577"/>
          <ac:spMkLst>
            <pc:docMk/>
            <pc:sldMk cId="941444539" sldId="299"/>
            <ac:spMk id="298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0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1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2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3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4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5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7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8" creationId="{00000000-0000-0000-0000-000000000000}"/>
          </ac:spMkLst>
        </pc:spChg>
        <pc:picChg chg="add mod">
          <ac:chgData name="CHEUNG, Hiu Ching Athena [Student]" userId="03cc0922-5853-4d01-aac9-cbffaf26e9d9" providerId="ADAL" clId="{2F9B33E2-02F2-493A-91DD-FF13895AABAC}" dt="2021-08-11T03:18:02.827" v="158"/>
          <ac:picMkLst>
            <pc:docMk/>
            <pc:sldMk cId="941444539" sldId="299"/>
            <ac:picMk id="13" creationId="{C8331641-300D-40A3-B44E-C5F3D2EB9519}"/>
          </ac:picMkLst>
        </pc:picChg>
        <pc:picChg chg="add mod">
          <ac:chgData name="CHEUNG, Hiu Ching Athena [Student]" userId="03cc0922-5853-4d01-aac9-cbffaf26e9d9" providerId="ADAL" clId="{2F9B33E2-02F2-493A-91DD-FF13895AABAC}" dt="2021-08-11T03:18:02.827" v="158"/>
          <ac:picMkLst>
            <pc:docMk/>
            <pc:sldMk cId="941444539" sldId="299"/>
            <ac:picMk id="14" creationId="{C77984CC-2151-44AB-A8E2-66F8F01F331A}"/>
          </ac:picMkLst>
        </pc:picChg>
      </pc:sldChg>
      <pc:sldChg chg="addSp delSp modSp add del mod">
        <pc:chgData name="CHEUNG, Hiu Ching Athena [Student]" userId="03cc0922-5853-4d01-aac9-cbffaf26e9d9" providerId="ADAL" clId="{2F9B33E2-02F2-493A-91DD-FF13895AABAC}" dt="2021-08-11T03:23:36.902" v="228" actId="47"/>
        <pc:sldMkLst>
          <pc:docMk/>
          <pc:sldMk cId="524623938" sldId="300"/>
        </pc:sldMkLst>
        <pc:spChg chg="add del mod">
          <ac:chgData name="CHEUNG, Hiu Ching Athena [Student]" userId="03cc0922-5853-4d01-aac9-cbffaf26e9d9" providerId="ADAL" clId="{2F9B33E2-02F2-493A-91DD-FF13895AABAC}" dt="2021-08-11T03:19:38.457" v="221"/>
          <ac:spMkLst>
            <pc:docMk/>
            <pc:sldMk cId="524623938" sldId="300"/>
            <ac:spMk id="66" creationId="{034BCB33-BDB0-4D8E-81E5-03C610B13F71}"/>
          </ac:spMkLst>
        </pc:spChg>
        <pc:spChg chg="mod">
          <ac:chgData name="CHEUNG, Hiu Ching Athena [Student]" userId="03cc0922-5853-4d01-aac9-cbffaf26e9d9" providerId="ADAL" clId="{2F9B33E2-02F2-493A-91DD-FF13895AABAC}" dt="2021-08-11T03:19:25.267" v="219" actId="20577"/>
          <ac:spMkLst>
            <pc:docMk/>
            <pc:sldMk cId="524623938" sldId="300"/>
            <ac:spMk id="840" creationId="{00000000-0000-0000-0000-000000000000}"/>
          </ac:spMkLst>
        </pc:spChg>
        <pc:picChg chg="add mod">
          <ac:chgData name="CHEUNG, Hiu Ching Athena [Student]" userId="03cc0922-5853-4d01-aac9-cbffaf26e9d9" providerId="ADAL" clId="{2F9B33E2-02F2-493A-91DD-FF13895AABAC}" dt="2021-08-11T03:19:44.145" v="222"/>
          <ac:picMkLst>
            <pc:docMk/>
            <pc:sldMk cId="524623938" sldId="300"/>
            <ac:picMk id="67" creationId="{F7004AAE-791F-41FE-B540-E90CA82EEA6D}"/>
          </ac:picMkLst>
        </pc:picChg>
        <pc:picChg chg="add mod">
          <ac:chgData name="CHEUNG, Hiu Ching Athena [Student]" userId="03cc0922-5853-4d01-aac9-cbffaf26e9d9" providerId="ADAL" clId="{2F9B33E2-02F2-493A-91DD-FF13895AABAC}" dt="2021-08-11T03:19:44.145" v="222"/>
          <ac:picMkLst>
            <pc:docMk/>
            <pc:sldMk cId="524623938" sldId="300"/>
            <ac:picMk id="68" creationId="{ED8B2517-4794-4846-AACB-3F074C4442FC}"/>
          </ac:picMkLst>
        </pc:picChg>
      </pc:sldChg>
      <pc:sldChg chg="addSp delSp modSp add del mod ord">
        <pc:chgData name="CHEUNG, Hiu Ching Athena [Student]" userId="03cc0922-5853-4d01-aac9-cbffaf26e9d9" providerId="ADAL" clId="{2F9B33E2-02F2-493A-91DD-FF13895AABAC}" dt="2021-08-18T13:02:33.588" v="2551" actId="47"/>
        <pc:sldMkLst>
          <pc:docMk/>
          <pc:sldMk cId="3560141059" sldId="301"/>
        </pc:sldMkLst>
        <pc:spChg chg="add mod">
          <ac:chgData name="CHEUNG, Hiu Ching Athena [Student]" userId="03cc0922-5853-4d01-aac9-cbffaf26e9d9" providerId="ADAL" clId="{2F9B33E2-02F2-493A-91DD-FF13895AABAC}" dt="2021-08-11T03:23:33.640" v="227"/>
          <ac:spMkLst>
            <pc:docMk/>
            <pc:sldMk cId="3560141059" sldId="301"/>
            <ac:spMk id="7" creationId="{24A4A2B8-8D7B-4025-925F-38B279F95EAF}"/>
          </ac:spMkLst>
        </pc:spChg>
        <pc:spChg chg="mod">
          <ac:chgData name="CHEUNG, Hiu Ching Athena [Student]" userId="03cc0922-5853-4d01-aac9-cbffaf26e9d9" providerId="ADAL" clId="{2F9B33E2-02F2-493A-91DD-FF13895AABAC}" dt="2021-08-18T06:11:44.316" v="1966" actId="20577"/>
          <ac:spMkLst>
            <pc:docMk/>
            <pc:sldMk cId="3560141059" sldId="301"/>
            <ac:spMk id="42" creationId="{BDAC95DD-9004-4F43-B0FD-5168745E81FA}"/>
          </ac:spMkLst>
        </pc:spChg>
        <pc:spChg chg="mod">
          <ac:chgData name="CHEUNG, Hiu Ching Athena [Student]" userId="03cc0922-5853-4d01-aac9-cbffaf26e9d9" providerId="ADAL" clId="{2F9B33E2-02F2-493A-91DD-FF13895AABAC}" dt="2021-08-18T06:40:36.458" v="2072" actId="20577"/>
          <ac:spMkLst>
            <pc:docMk/>
            <pc:sldMk cId="3560141059" sldId="301"/>
            <ac:spMk id="298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23:33.177" v="226" actId="478"/>
          <ac:spMkLst>
            <pc:docMk/>
            <pc:sldMk cId="3560141059" sldId="301"/>
            <ac:spMk id="299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23:33.177" v="226" actId="478"/>
          <ac:spMkLst>
            <pc:docMk/>
            <pc:sldMk cId="3560141059" sldId="301"/>
            <ac:spMk id="306" creationId="{00000000-0000-0000-0000-000000000000}"/>
          </ac:spMkLst>
        </pc:spChg>
      </pc:sldChg>
      <pc:sldChg chg="addSp delSp modSp add mod ord">
        <pc:chgData name="CHEUNG, Hiu Ching Athena [Student]" userId="03cc0922-5853-4d01-aac9-cbffaf26e9d9" providerId="ADAL" clId="{2F9B33E2-02F2-493A-91DD-FF13895AABAC}" dt="2021-08-20T04:07:24.087" v="2553"/>
        <pc:sldMkLst>
          <pc:docMk/>
          <pc:sldMk cId="2994908211" sldId="302"/>
        </pc:sldMkLst>
        <pc:spChg chg="add mod">
          <ac:chgData name="CHEUNG, Hiu Ching Athena [Student]" userId="03cc0922-5853-4d01-aac9-cbffaf26e9d9" providerId="ADAL" clId="{2F9B33E2-02F2-493A-91DD-FF13895AABAC}" dt="2021-08-11T03:24:26.022" v="273"/>
          <ac:spMkLst>
            <pc:docMk/>
            <pc:sldMk cId="2994908211" sldId="302"/>
            <ac:spMk id="6" creationId="{5B9E3D7B-A790-428A-9716-F5631392D2D2}"/>
          </ac:spMkLst>
        </pc:spChg>
        <pc:spChg chg="del">
          <ac:chgData name="CHEUNG, Hiu Ching Athena [Student]" userId="03cc0922-5853-4d01-aac9-cbffaf26e9d9" providerId="ADAL" clId="{2F9B33E2-02F2-493A-91DD-FF13895AABAC}" dt="2021-08-11T03:24:25.856" v="272" actId="478"/>
          <ac:spMkLst>
            <pc:docMk/>
            <pc:sldMk cId="2994908211" sldId="302"/>
            <ac:spMk id="7" creationId="{24A4A2B8-8D7B-4025-925F-38B279F95EAF}"/>
          </ac:spMkLst>
        </pc:spChg>
        <pc:spChg chg="mod">
          <ac:chgData name="CHEUNG, Hiu Ching Athena [Student]" userId="03cc0922-5853-4d01-aac9-cbffaf26e9d9" providerId="ADAL" clId="{2F9B33E2-02F2-493A-91DD-FF13895AABAC}" dt="2021-08-17T14:23:19.092" v="1905" actId="20577"/>
          <ac:spMkLst>
            <pc:docMk/>
            <pc:sldMk cId="2994908211" sldId="302"/>
            <ac:spMk id="7" creationId="{E0806B09-8858-4F54-AA68-83FED2FD7632}"/>
          </ac:spMkLst>
        </pc:spChg>
        <pc:spChg chg="mod">
          <ac:chgData name="CHEUNG, Hiu Ching Athena [Student]" userId="03cc0922-5853-4d01-aac9-cbffaf26e9d9" providerId="ADAL" clId="{2F9B33E2-02F2-493A-91DD-FF13895AABAC}" dt="2021-08-13T04:26:59.932" v="1517" actId="14100"/>
          <ac:spMkLst>
            <pc:docMk/>
            <pc:sldMk cId="2994908211" sldId="302"/>
            <ac:spMk id="8" creationId="{D8F9A8EC-9B16-4C15-BA3F-FC33C505C1FC}"/>
          </ac:spMkLst>
        </pc:spChg>
        <pc:spChg chg="mod">
          <ac:chgData name="CHEUNG, Hiu Ching Athena [Student]" userId="03cc0922-5853-4d01-aac9-cbffaf26e9d9" providerId="ADAL" clId="{2F9B33E2-02F2-493A-91DD-FF13895AABAC}" dt="2021-08-13T04:27:03.796" v="1518" actId="14100"/>
          <ac:spMkLst>
            <pc:docMk/>
            <pc:sldMk cId="2994908211" sldId="302"/>
            <ac:spMk id="9" creationId="{00929ED0-1FA0-4491-A6FD-6B35A79567B7}"/>
          </ac:spMkLst>
        </pc:spChg>
        <pc:spChg chg="mod">
          <ac:chgData name="CHEUNG, Hiu Ching Athena [Student]" userId="03cc0922-5853-4d01-aac9-cbffaf26e9d9" providerId="ADAL" clId="{2F9B33E2-02F2-493A-91DD-FF13895AABAC}" dt="2021-08-13T04:24:48.271" v="1514" actId="1076"/>
          <ac:spMkLst>
            <pc:docMk/>
            <pc:sldMk cId="2994908211" sldId="302"/>
            <ac:spMk id="10" creationId="{8B75564D-907B-47F3-9D97-B3D992D147E4}"/>
          </ac:spMkLst>
        </pc:spChg>
        <pc:spChg chg="mod">
          <ac:chgData name="CHEUNG, Hiu Ching Athena [Student]" userId="03cc0922-5853-4d01-aac9-cbffaf26e9d9" providerId="ADAL" clId="{2F9B33E2-02F2-493A-91DD-FF13895AABAC}" dt="2021-08-13T04:24:48.271" v="1514" actId="1076"/>
          <ac:spMkLst>
            <pc:docMk/>
            <pc:sldMk cId="2994908211" sldId="302"/>
            <ac:spMk id="11" creationId="{D60786C7-925F-4D5A-8C3B-EF81D64562A7}"/>
          </ac:spMkLst>
        </pc:spChg>
        <pc:spChg chg="mod">
          <ac:chgData name="CHEUNG, Hiu Ching Athena [Student]" userId="03cc0922-5853-4d01-aac9-cbffaf26e9d9" providerId="ADAL" clId="{2F9B33E2-02F2-493A-91DD-FF13895AABAC}" dt="2021-08-13T15:50:13.315" v="1744" actId="14100"/>
          <ac:spMkLst>
            <pc:docMk/>
            <pc:sldMk cId="2994908211" sldId="302"/>
            <ac:spMk id="12" creationId="{A1AC6962-6218-4565-8354-3CEAF24FFFF4}"/>
          </ac:spMkLst>
        </pc:spChg>
        <pc:spChg chg="mod">
          <ac:chgData name="CHEUNG, Hiu Ching Athena [Student]" userId="03cc0922-5853-4d01-aac9-cbffaf26e9d9" providerId="ADAL" clId="{2F9B33E2-02F2-493A-91DD-FF13895AABAC}" dt="2021-08-20T04:07:24.087" v="2553"/>
          <ac:spMkLst>
            <pc:docMk/>
            <pc:sldMk cId="2994908211" sldId="302"/>
            <ac:spMk id="298" creationId="{00000000-0000-0000-0000-000000000000}"/>
          </ac:spMkLst>
        </pc:spChg>
      </pc:sldChg>
      <pc:sldChg chg="add del ord">
        <pc:chgData name="CHEUNG, Hiu Ching Athena [Student]" userId="03cc0922-5853-4d01-aac9-cbffaf26e9d9" providerId="ADAL" clId="{2F9B33E2-02F2-493A-91DD-FF13895AABAC}" dt="2021-08-11T03:29:19.594" v="305" actId="47"/>
        <pc:sldMkLst>
          <pc:docMk/>
          <pc:sldMk cId="2026294712" sldId="303"/>
        </pc:sldMkLst>
      </pc:sldChg>
      <pc:sldChg chg="addSp modSp add mod">
        <pc:chgData name="CHEUNG, Hiu Ching Athena [Student]" userId="03cc0922-5853-4d01-aac9-cbffaf26e9d9" providerId="ADAL" clId="{2F9B33E2-02F2-493A-91DD-FF13895AABAC}" dt="2021-08-11T03:37:56.908" v="331" actId="1076"/>
        <pc:sldMkLst>
          <pc:docMk/>
          <pc:sldMk cId="3688194971" sldId="303"/>
        </pc:sldMkLst>
        <pc:spChg chg="add mod">
          <ac:chgData name="CHEUNG, Hiu Ching Athena [Student]" userId="03cc0922-5853-4d01-aac9-cbffaf26e9d9" providerId="ADAL" clId="{2F9B33E2-02F2-493A-91DD-FF13895AABAC}" dt="2021-08-11T03:37:02.868" v="307"/>
          <ac:spMkLst>
            <pc:docMk/>
            <pc:sldMk cId="3688194971" sldId="303"/>
            <ac:spMk id="7" creationId="{44868692-3476-4C37-909E-0480D5D44F44}"/>
          </ac:spMkLst>
        </pc:spChg>
        <pc:spChg chg="mod">
          <ac:chgData name="CHEUNG, Hiu Ching Athena [Student]" userId="03cc0922-5853-4d01-aac9-cbffaf26e9d9" providerId="ADAL" clId="{2F9B33E2-02F2-493A-91DD-FF13895AABAC}" dt="2021-08-11T03:37:56.908" v="331" actId="1076"/>
          <ac:spMkLst>
            <pc:docMk/>
            <pc:sldMk cId="3688194971" sldId="303"/>
            <ac:spMk id="298" creationId="{00000000-0000-0000-0000-000000000000}"/>
          </ac:spMkLst>
        </pc:spChg>
      </pc:sldChg>
      <pc:sldChg chg="addSp modSp add mod">
        <pc:chgData name="CHEUNG, Hiu Ching Athena [Student]" userId="03cc0922-5853-4d01-aac9-cbffaf26e9d9" providerId="ADAL" clId="{2F9B33E2-02F2-493A-91DD-FF13895AABAC}" dt="2021-08-20T06:07:43.909" v="2661" actId="20577"/>
        <pc:sldMkLst>
          <pc:docMk/>
          <pc:sldMk cId="499293948" sldId="304"/>
        </pc:sldMkLst>
        <pc:spChg chg="mod">
          <ac:chgData name="CHEUNG, Hiu Ching Athena [Student]" userId="03cc0922-5853-4d01-aac9-cbffaf26e9d9" providerId="ADAL" clId="{2F9B33E2-02F2-493A-91DD-FF13895AABAC}" dt="2021-08-20T05:09:28.401" v="2610" actId="20577"/>
          <ac:spMkLst>
            <pc:docMk/>
            <pc:sldMk cId="499293948" sldId="304"/>
            <ac:spMk id="16" creationId="{160F6E03-22BB-48F7-AF93-AC84700AA67F}"/>
          </ac:spMkLst>
        </pc:spChg>
        <pc:spChg chg="mod">
          <ac:chgData name="CHEUNG, Hiu Ching Athena [Student]" userId="03cc0922-5853-4d01-aac9-cbffaf26e9d9" providerId="ADAL" clId="{2F9B33E2-02F2-493A-91DD-FF13895AABAC}" dt="2021-08-20T06:07:43.909" v="2661" actId="20577"/>
          <ac:spMkLst>
            <pc:docMk/>
            <pc:sldMk cId="499293948" sldId="304"/>
            <ac:spMk id="298" creationId="{00000000-0000-0000-0000-000000000000}"/>
          </ac:spMkLst>
        </pc:spChg>
        <pc:picChg chg="add mod">
          <ac:chgData name="CHEUNG, Hiu Ching Athena [Student]" userId="03cc0922-5853-4d01-aac9-cbffaf26e9d9" providerId="ADAL" clId="{2F9B33E2-02F2-493A-91DD-FF13895AABAC}" dt="2021-08-11T05:41:20.615" v="827" actId="1076"/>
          <ac:picMkLst>
            <pc:docMk/>
            <pc:sldMk cId="499293948" sldId="304"/>
            <ac:picMk id="3" creationId="{ECA106AE-6227-4C58-BA97-C6044C4AA992}"/>
          </ac:picMkLst>
        </pc:picChg>
        <pc:cxnChg chg="add mod">
          <ac:chgData name="CHEUNG, Hiu Ching Athena [Student]" userId="03cc0922-5853-4d01-aac9-cbffaf26e9d9" providerId="ADAL" clId="{2F9B33E2-02F2-493A-91DD-FF13895AABAC}" dt="2021-08-11T13:04:27.856" v="1340" actId="14100"/>
          <ac:cxnSpMkLst>
            <pc:docMk/>
            <pc:sldMk cId="499293948" sldId="304"/>
            <ac:cxnSpMk id="5" creationId="{ABBA06B0-FD7F-4CB8-A233-B326233BC992}"/>
          </ac:cxnSpMkLst>
        </pc:cxnChg>
      </pc:sldChg>
      <pc:sldChg chg="addSp delSp modSp add mod">
        <pc:chgData name="CHEUNG, Hiu Ching Athena [Student]" userId="03cc0922-5853-4d01-aac9-cbffaf26e9d9" providerId="ADAL" clId="{2F9B33E2-02F2-493A-91DD-FF13895AABAC}" dt="2021-08-20T04:08:21.253" v="2557" actId="20577"/>
        <pc:sldMkLst>
          <pc:docMk/>
          <pc:sldMk cId="3944267863" sldId="305"/>
        </pc:sldMkLst>
        <pc:spChg chg="del">
          <ac:chgData name="CHEUNG, Hiu Ching Athena [Student]" userId="03cc0922-5853-4d01-aac9-cbffaf26e9d9" providerId="ADAL" clId="{2F9B33E2-02F2-493A-91DD-FF13895AABAC}" dt="2021-08-13T04:27:44.113" v="1520" actId="478"/>
          <ac:spMkLst>
            <pc:docMk/>
            <pc:sldMk cId="3944267863" sldId="305"/>
            <ac:spMk id="2" creationId="{33379F66-7D53-4694-AAB2-74DD37DFFB54}"/>
          </ac:spMkLst>
        </pc:spChg>
        <pc:spChg chg="del">
          <ac:chgData name="CHEUNG, Hiu Ching Athena [Student]" userId="03cc0922-5853-4d01-aac9-cbffaf26e9d9" providerId="ADAL" clId="{2F9B33E2-02F2-493A-91DD-FF13895AABAC}" dt="2021-08-13T04:27:44.113" v="1520" actId="478"/>
          <ac:spMkLst>
            <pc:docMk/>
            <pc:sldMk cId="3944267863" sldId="305"/>
            <ac:spMk id="8" creationId="{D8F9A8EC-9B16-4C15-BA3F-FC33C505C1FC}"/>
          </ac:spMkLst>
        </pc:spChg>
        <pc:spChg chg="del">
          <ac:chgData name="CHEUNG, Hiu Ching Athena [Student]" userId="03cc0922-5853-4d01-aac9-cbffaf26e9d9" providerId="ADAL" clId="{2F9B33E2-02F2-493A-91DD-FF13895AABAC}" dt="2021-08-13T04:27:44.113" v="1520" actId="478"/>
          <ac:spMkLst>
            <pc:docMk/>
            <pc:sldMk cId="3944267863" sldId="305"/>
            <ac:spMk id="9" creationId="{00929ED0-1FA0-4491-A6FD-6B35A79567B7}"/>
          </ac:spMkLst>
        </pc:spChg>
        <pc:spChg chg="del">
          <ac:chgData name="CHEUNG, Hiu Ching Athena [Student]" userId="03cc0922-5853-4d01-aac9-cbffaf26e9d9" providerId="ADAL" clId="{2F9B33E2-02F2-493A-91DD-FF13895AABAC}" dt="2021-08-13T04:27:44.113" v="1520" actId="478"/>
          <ac:spMkLst>
            <pc:docMk/>
            <pc:sldMk cId="3944267863" sldId="305"/>
            <ac:spMk id="10" creationId="{8B75564D-907B-47F3-9D97-B3D992D147E4}"/>
          </ac:spMkLst>
        </pc:spChg>
        <pc:spChg chg="del">
          <ac:chgData name="CHEUNG, Hiu Ching Athena [Student]" userId="03cc0922-5853-4d01-aac9-cbffaf26e9d9" providerId="ADAL" clId="{2F9B33E2-02F2-493A-91DD-FF13895AABAC}" dt="2021-08-13T04:27:44.113" v="1520" actId="478"/>
          <ac:spMkLst>
            <pc:docMk/>
            <pc:sldMk cId="3944267863" sldId="305"/>
            <ac:spMk id="11" creationId="{D60786C7-925F-4D5A-8C3B-EF81D64562A7}"/>
          </ac:spMkLst>
        </pc:spChg>
        <pc:spChg chg="add mod">
          <ac:chgData name="CHEUNG, Hiu Ching Athena [Student]" userId="03cc0922-5853-4d01-aac9-cbffaf26e9d9" providerId="ADAL" clId="{2F9B33E2-02F2-493A-91DD-FF13895AABAC}" dt="2021-08-18T13:02:13.606" v="2550" actId="20577"/>
          <ac:spMkLst>
            <pc:docMk/>
            <pc:sldMk cId="3944267863" sldId="305"/>
            <ac:spMk id="12" creationId="{35982F01-ED23-45F8-85CD-F247A7915531}"/>
          </ac:spMkLst>
        </pc:spChg>
        <pc:spChg chg="mod">
          <ac:chgData name="CHEUNG, Hiu Ching Athena [Student]" userId="03cc0922-5853-4d01-aac9-cbffaf26e9d9" providerId="ADAL" clId="{2F9B33E2-02F2-493A-91DD-FF13895AABAC}" dt="2021-08-20T04:08:21.253" v="2557" actId="20577"/>
          <ac:spMkLst>
            <pc:docMk/>
            <pc:sldMk cId="3944267863" sldId="305"/>
            <ac:spMk id="298" creationId="{00000000-0000-0000-0000-000000000000}"/>
          </ac:spMkLst>
        </pc:spChg>
        <pc:picChg chg="add mod modCrop">
          <ac:chgData name="CHEUNG, Hiu Ching Athena [Student]" userId="03cc0922-5853-4d01-aac9-cbffaf26e9d9" providerId="ADAL" clId="{2F9B33E2-02F2-493A-91DD-FF13895AABAC}" dt="2021-08-18T13:02:11.149" v="2548" actId="1076"/>
          <ac:picMkLst>
            <pc:docMk/>
            <pc:sldMk cId="3944267863" sldId="305"/>
            <ac:picMk id="3" creationId="{55CC5ACB-CA41-40E5-94DE-E347F916D7D6}"/>
          </ac:picMkLst>
        </pc:picChg>
      </pc:sldChg>
      <pc:sldChg chg="add del">
        <pc:chgData name="CHEUNG, Hiu Ching Athena [Student]" userId="03cc0922-5853-4d01-aac9-cbffaf26e9d9" providerId="ADAL" clId="{2F9B33E2-02F2-493A-91DD-FF13895AABAC}" dt="2021-08-13T04:27:54.932" v="1522"/>
        <pc:sldMkLst>
          <pc:docMk/>
          <pc:sldMk cId="556626207" sldId="306"/>
        </pc:sldMkLst>
      </pc:sldChg>
      <pc:sldChg chg="add del">
        <pc:chgData name="CHEUNG, Hiu Ching Athena [Student]" userId="03cc0922-5853-4d01-aac9-cbffaf26e9d9" providerId="ADAL" clId="{2F9B33E2-02F2-493A-91DD-FF13895AABAC}" dt="2021-08-13T04:28:05.467" v="1524"/>
        <pc:sldMkLst>
          <pc:docMk/>
          <pc:sldMk cId="1153454569" sldId="306"/>
        </pc:sldMkLst>
      </pc:sldChg>
      <pc:sldChg chg="add del">
        <pc:chgData name="CHEUNG, Hiu Ching Athena [Student]" userId="03cc0922-5853-4d01-aac9-cbffaf26e9d9" providerId="ADAL" clId="{2F9B33E2-02F2-493A-91DD-FF13895AABAC}" dt="2021-08-13T04:28:12.985" v="1526"/>
        <pc:sldMkLst>
          <pc:docMk/>
          <pc:sldMk cId="2425708415" sldId="306"/>
        </pc:sldMkLst>
      </pc:sldChg>
      <pc:sldChg chg="addSp delSp modSp add mod ord">
        <pc:chgData name="CHEUNG, Hiu Ching Athena [Student]" userId="03cc0922-5853-4d01-aac9-cbffaf26e9d9" providerId="ADAL" clId="{2F9B33E2-02F2-493A-91DD-FF13895AABAC}" dt="2021-08-18T07:17:20.729" v="2354" actId="20577"/>
        <pc:sldMkLst>
          <pc:docMk/>
          <pc:sldMk cId="2876942652" sldId="306"/>
        </pc:sldMkLst>
        <pc:spChg chg="add del mod">
          <ac:chgData name="CHEUNG, Hiu Ching Athena [Student]" userId="03cc0922-5853-4d01-aac9-cbffaf26e9d9" providerId="ADAL" clId="{2F9B33E2-02F2-493A-91DD-FF13895AABAC}" dt="2021-08-17T04:30:53.536" v="1749" actId="478"/>
          <ac:spMkLst>
            <pc:docMk/>
            <pc:sldMk cId="2876942652" sldId="306"/>
            <ac:spMk id="2" creationId="{F75F354F-9D21-4C21-B09E-DA76B913C56B}"/>
          </ac:spMkLst>
        </pc:spChg>
        <pc:spChg chg="add mod">
          <ac:chgData name="CHEUNG, Hiu Ching Athena [Student]" userId="03cc0922-5853-4d01-aac9-cbffaf26e9d9" providerId="ADAL" clId="{2F9B33E2-02F2-493A-91DD-FF13895AABAC}" dt="2021-08-17T14:45:33.725" v="1963" actId="20577"/>
          <ac:spMkLst>
            <pc:docMk/>
            <pc:sldMk cId="2876942652" sldId="306"/>
            <ac:spMk id="7" creationId="{B34CC871-BDD7-425C-B3E7-84BDF0E829B7}"/>
          </ac:spMkLst>
        </pc:spChg>
        <pc:spChg chg="del">
          <ac:chgData name="CHEUNG, Hiu Ching Athena [Student]" userId="03cc0922-5853-4d01-aac9-cbffaf26e9d9" providerId="ADAL" clId="{2F9B33E2-02F2-493A-91DD-FF13895AABAC}" dt="2021-08-15T14:40:26.040" v="1747" actId="478"/>
          <ac:spMkLst>
            <pc:docMk/>
            <pc:sldMk cId="2876942652" sldId="306"/>
            <ac:spMk id="12" creationId="{35982F01-ED23-45F8-85CD-F247A7915531}"/>
          </ac:spMkLst>
        </pc:spChg>
        <pc:spChg chg="mod">
          <ac:chgData name="CHEUNG, Hiu Ching Athena [Student]" userId="03cc0922-5853-4d01-aac9-cbffaf26e9d9" providerId="ADAL" clId="{2F9B33E2-02F2-493A-91DD-FF13895AABAC}" dt="2021-08-18T07:17:20.729" v="2354" actId="20577"/>
          <ac:spMkLst>
            <pc:docMk/>
            <pc:sldMk cId="2876942652" sldId="306"/>
            <ac:spMk id="298" creationId="{00000000-0000-0000-0000-000000000000}"/>
          </ac:spMkLst>
        </pc:spChg>
        <pc:picChg chg="add mod">
          <ac:chgData name="CHEUNG, Hiu Ching Athena [Student]" userId="03cc0922-5853-4d01-aac9-cbffaf26e9d9" providerId="ADAL" clId="{2F9B33E2-02F2-493A-91DD-FF13895AABAC}" dt="2021-08-17T14:45:49.613" v="1965" actId="14100"/>
          <ac:picMkLst>
            <pc:docMk/>
            <pc:sldMk cId="2876942652" sldId="306"/>
            <ac:picMk id="4" creationId="{04F365AB-120A-402E-BA30-6252557922D8}"/>
          </ac:picMkLst>
        </pc:picChg>
      </pc:sldChg>
      <pc:sldChg chg="modSp mod">
        <pc:chgData name="CHEUNG, Hiu Ching Athena [Student]" userId="03cc0922-5853-4d01-aac9-cbffaf26e9d9" providerId="ADAL" clId="{2F9B33E2-02F2-493A-91DD-FF13895AABAC}" dt="2021-08-20T04:07:28.538" v="2554"/>
        <pc:sldMkLst>
          <pc:docMk/>
          <pc:sldMk cId="147595832" sldId="307"/>
        </pc:sldMkLst>
        <pc:spChg chg="mod">
          <ac:chgData name="CHEUNG, Hiu Ching Athena [Student]" userId="03cc0922-5853-4d01-aac9-cbffaf26e9d9" providerId="ADAL" clId="{2F9B33E2-02F2-493A-91DD-FF13895AABAC}" dt="2021-08-20T04:07:28.538" v="2554"/>
          <ac:spMkLst>
            <pc:docMk/>
            <pc:sldMk cId="147595832" sldId="307"/>
            <ac:spMk id="298" creationId="{00000000-0000-0000-0000-000000000000}"/>
          </ac:spMkLst>
        </pc:spChg>
      </pc:sldChg>
      <pc:sldChg chg="addSp delSp modSp add mod">
        <pc:chgData name="CHEUNG, Hiu Ching Athena [Student]" userId="03cc0922-5853-4d01-aac9-cbffaf26e9d9" providerId="ADAL" clId="{2F9B33E2-02F2-493A-91DD-FF13895AABAC}" dt="2021-08-20T05:10:07.399" v="2614" actId="14100"/>
        <pc:sldMkLst>
          <pc:docMk/>
          <pc:sldMk cId="3676948722" sldId="309"/>
        </pc:sldMkLst>
        <pc:spChg chg="add mod">
          <ac:chgData name="CHEUNG, Hiu Ching Athena [Student]" userId="03cc0922-5853-4d01-aac9-cbffaf26e9d9" providerId="ADAL" clId="{2F9B33E2-02F2-493A-91DD-FF13895AABAC}" dt="2021-08-20T05:10:07.399" v="2614" actId="14100"/>
          <ac:spMkLst>
            <pc:docMk/>
            <pc:sldMk cId="3676948722" sldId="309"/>
            <ac:spMk id="4" creationId="{594FB4F1-4B24-4DDC-9BFF-24A55151C627}"/>
          </ac:spMkLst>
        </pc:spChg>
        <pc:spChg chg="mod">
          <ac:chgData name="CHEUNG, Hiu Ching Athena [Student]" userId="03cc0922-5853-4d01-aac9-cbffaf26e9d9" providerId="ADAL" clId="{2F9B33E2-02F2-493A-91DD-FF13895AABAC}" dt="2021-08-20T05:09:59.414" v="2613" actId="20577"/>
          <ac:spMkLst>
            <pc:docMk/>
            <pc:sldMk cId="3676948722" sldId="309"/>
            <ac:spMk id="13" creationId="{AA54A8A4-72B4-4D48-9B03-FAD4BA100FA8}"/>
          </ac:spMkLst>
        </pc:spChg>
        <pc:spChg chg="mod">
          <ac:chgData name="CHEUNG, Hiu Ching Athena [Student]" userId="03cc0922-5853-4d01-aac9-cbffaf26e9d9" providerId="ADAL" clId="{2F9B33E2-02F2-493A-91DD-FF13895AABAC}" dt="2021-08-20T05:09:56.807" v="2612" actId="20577"/>
          <ac:spMkLst>
            <pc:docMk/>
            <pc:sldMk cId="3676948722" sldId="309"/>
            <ac:spMk id="14" creationId="{2986A655-1AE1-3D4B-8734-52AA9900E686}"/>
          </ac:spMkLst>
        </pc:spChg>
        <pc:spChg chg="del">
          <ac:chgData name="CHEUNG, Hiu Ching Athena [Student]" userId="03cc0922-5853-4d01-aac9-cbffaf26e9d9" providerId="ADAL" clId="{2F9B33E2-02F2-493A-91DD-FF13895AABAC}" dt="2021-08-20T05:01:42.766" v="2599" actId="478"/>
          <ac:spMkLst>
            <pc:docMk/>
            <pc:sldMk cId="3676948722" sldId="309"/>
            <ac:spMk id="20" creationId="{15509BE3-583E-DD45-BD13-9E403C08DD74}"/>
          </ac:spMkLst>
        </pc:spChg>
        <pc:spChg chg="mod">
          <ac:chgData name="CHEUNG, Hiu Ching Athena [Student]" userId="03cc0922-5853-4d01-aac9-cbffaf26e9d9" providerId="ADAL" clId="{2F9B33E2-02F2-493A-91DD-FF13895AABAC}" dt="2021-08-20T05:02:33.447" v="2605" actId="20577"/>
          <ac:spMkLst>
            <pc:docMk/>
            <pc:sldMk cId="3676948722" sldId="309"/>
            <ac:spMk id="21" creationId="{893EBCCA-7D28-0D45-8E92-D86460A07C02}"/>
          </ac:spMkLst>
        </pc:spChg>
        <pc:spChg chg="add mod">
          <ac:chgData name="CHEUNG, Hiu Ching Athena [Student]" userId="03cc0922-5853-4d01-aac9-cbffaf26e9d9" providerId="ADAL" clId="{2F9B33E2-02F2-493A-91DD-FF13895AABAC}" dt="2021-08-18T06:48:15.761" v="2281" actId="14100"/>
          <ac:spMkLst>
            <pc:docMk/>
            <pc:sldMk cId="3676948722" sldId="309"/>
            <ac:spMk id="36" creationId="{28505004-C584-4283-ACA9-4544A76AEA1C}"/>
          </ac:spMkLst>
        </pc:spChg>
        <pc:spChg chg="add mod">
          <ac:chgData name="CHEUNG, Hiu Ching Athena [Student]" userId="03cc0922-5853-4d01-aac9-cbffaf26e9d9" providerId="ADAL" clId="{2F9B33E2-02F2-493A-91DD-FF13895AABAC}" dt="2021-08-18T07:13:55.860" v="2335" actId="207"/>
          <ac:spMkLst>
            <pc:docMk/>
            <pc:sldMk cId="3676948722" sldId="309"/>
            <ac:spMk id="37" creationId="{E820FC38-20BC-482D-8698-CE08B241C470}"/>
          </ac:spMkLst>
        </pc:spChg>
        <pc:spChg chg="add mod">
          <ac:chgData name="CHEUNG, Hiu Ching Athena [Student]" userId="03cc0922-5853-4d01-aac9-cbffaf26e9d9" providerId="ADAL" clId="{2F9B33E2-02F2-493A-91DD-FF13895AABAC}" dt="2021-08-18T06:50:23.762" v="2295" actId="208"/>
          <ac:spMkLst>
            <pc:docMk/>
            <pc:sldMk cId="3676948722" sldId="309"/>
            <ac:spMk id="38" creationId="{BF717CCA-2915-4285-91D3-B7BA26E833B6}"/>
          </ac:spMkLst>
        </pc:spChg>
        <pc:spChg chg="add mod">
          <ac:chgData name="CHEUNG, Hiu Ching Athena [Student]" userId="03cc0922-5853-4d01-aac9-cbffaf26e9d9" providerId="ADAL" clId="{2F9B33E2-02F2-493A-91DD-FF13895AABAC}" dt="2021-08-18T07:11:56.667" v="2330" actId="208"/>
          <ac:spMkLst>
            <pc:docMk/>
            <pc:sldMk cId="3676948722" sldId="309"/>
            <ac:spMk id="39" creationId="{71784CC5-29AF-472F-BBB2-7491DF421CF8}"/>
          </ac:spMkLst>
        </pc:spChg>
        <pc:spChg chg="add mod">
          <ac:chgData name="CHEUNG, Hiu Ching Athena [Student]" userId="03cc0922-5853-4d01-aac9-cbffaf26e9d9" providerId="ADAL" clId="{2F9B33E2-02F2-493A-91DD-FF13895AABAC}" dt="2021-08-18T07:11:29.746" v="2328" actId="208"/>
          <ac:spMkLst>
            <pc:docMk/>
            <pc:sldMk cId="3676948722" sldId="309"/>
            <ac:spMk id="43" creationId="{A48E3E0C-EE4D-4950-99B9-276863F53D6D}"/>
          </ac:spMkLst>
        </pc:spChg>
        <pc:spChg chg="add mod">
          <ac:chgData name="CHEUNG, Hiu Ching Athena [Student]" userId="03cc0922-5853-4d01-aac9-cbffaf26e9d9" providerId="ADAL" clId="{2F9B33E2-02F2-493A-91DD-FF13895AABAC}" dt="2021-08-18T07:14:02.033" v="2337" actId="207"/>
          <ac:spMkLst>
            <pc:docMk/>
            <pc:sldMk cId="3676948722" sldId="309"/>
            <ac:spMk id="44" creationId="{81390FB7-A869-4044-92BB-362E381297F7}"/>
          </ac:spMkLst>
        </pc:spChg>
        <pc:spChg chg="add mod">
          <ac:chgData name="CHEUNG, Hiu Ching Athena [Student]" userId="03cc0922-5853-4d01-aac9-cbffaf26e9d9" providerId="ADAL" clId="{2F9B33E2-02F2-493A-91DD-FF13895AABAC}" dt="2021-08-18T07:16:10.032" v="2353" actId="14100"/>
          <ac:spMkLst>
            <pc:docMk/>
            <pc:sldMk cId="3676948722" sldId="309"/>
            <ac:spMk id="71" creationId="{BE4C1A90-40F4-4EC7-BB49-0CDB677217F4}"/>
          </ac:spMkLst>
        </pc:spChg>
        <pc:spChg chg="mod">
          <ac:chgData name="CHEUNG, Hiu Ching Athena [Student]" userId="03cc0922-5853-4d01-aac9-cbffaf26e9d9" providerId="ADAL" clId="{2F9B33E2-02F2-493A-91DD-FF13895AABAC}" dt="2021-08-18T06:40:30.376" v="2067" actId="20577"/>
          <ac:spMkLst>
            <pc:docMk/>
            <pc:sldMk cId="3676948722" sldId="309"/>
            <ac:spMk id="298" creationId="{00000000-0000-0000-0000-000000000000}"/>
          </ac:spMkLst>
        </pc:spChg>
        <pc:grpChg chg="del">
          <ac:chgData name="CHEUNG, Hiu Ching Athena [Student]" userId="03cc0922-5853-4d01-aac9-cbffaf26e9d9" providerId="ADAL" clId="{2F9B33E2-02F2-493A-91DD-FF13895AABAC}" dt="2021-08-18T06:11:55.641" v="1968" actId="478"/>
          <ac:grpSpMkLst>
            <pc:docMk/>
            <pc:sldMk cId="3676948722" sldId="309"/>
            <ac:grpSpMk id="3" creationId="{353C3AB1-48D1-1D46-BA06-6C0D0411F984}"/>
          </ac:grpSpMkLst>
        </pc:grpChg>
        <pc:graphicFrameChg chg="add mod modGraphic">
          <ac:chgData name="CHEUNG, Hiu Ching Athena [Student]" userId="03cc0922-5853-4d01-aac9-cbffaf26e9d9" providerId="ADAL" clId="{2F9B33E2-02F2-493A-91DD-FF13895AABAC}" dt="2021-08-18T07:15:45.088" v="2349" actId="20577"/>
          <ac:graphicFrameMkLst>
            <pc:docMk/>
            <pc:sldMk cId="3676948722" sldId="309"/>
            <ac:graphicFrameMk id="2" creationId="{BDF47525-78B1-48E8-A41E-D2E22CF5BEB2}"/>
          </ac:graphicFrameMkLst>
        </pc:graphicFrameChg>
      </pc:sldChg>
      <pc:sldMasterChg chg="delSldLayout">
        <pc:chgData name="CHEUNG, Hiu Ching Athena [Student]" userId="03cc0922-5853-4d01-aac9-cbffaf26e9d9" providerId="ADAL" clId="{2F9B33E2-02F2-493A-91DD-FF13895AABAC}" dt="2021-08-11T03:44:40.887" v="333" actId="47"/>
        <pc:sldMasterMkLst>
          <pc:docMk/>
          <pc:sldMasterMk cId="0" sldId="2147483669"/>
        </pc:sldMasterMkLst>
        <pc:sldLayoutChg chg="del">
          <pc:chgData name="CHEUNG, Hiu Ching Athena [Student]" userId="03cc0922-5853-4d01-aac9-cbffaf26e9d9" providerId="ADAL" clId="{2F9B33E2-02F2-493A-91DD-FF13895AABAC}" dt="2021-08-11T03:44:40.887" v="333" actId="47"/>
          <pc:sldLayoutMkLst>
            <pc:docMk/>
            <pc:sldMasterMk cId="0" sldId="2147483669"/>
            <pc:sldLayoutMk cId="0" sldId="2147483650"/>
          </pc:sldLayoutMkLst>
        </pc:sldLayoutChg>
        <pc:sldLayoutChg chg="del">
          <pc:chgData name="CHEUNG, Hiu Ching Athena [Student]" userId="03cc0922-5853-4d01-aac9-cbffaf26e9d9" providerId="ADAL" clId="{2F9B33E2-02F2-493A-91DD-FF13895AABAC}" dt="2021-08-11T03:44:40.887" v="333" actId="47"/>
          <pc:sldLayoutMkLst>
            <pc:docMk/>
            <pc:sldMasterMk cId="0" sldId="2147483669"/>
            <pc:sldLayoutMk cId="0" sldId="2147483652"/>
          </pc:sldLayoutMkLst>
        </pc:sldLayoutChg>
        <pc:sldLayoutChg chg="del">
          <pc:chgData name="CHEUNG, Hiu Ching Athena [Student]" userId="03cc0922-5853-4d01-aac9-cbffaf26e9d9" providerId="ADAL" clId="{2F9B33E2-02F2-493A-91DD-FF13895AABAC}" dt="2021-08-11T03:44:40.887" v="333" actId="47"/>
          <pc:sldLayoutMkLst>
            <pc:docMk/>
            <pc:sldMasterMk cId="0" sldId="2147483669"/>
            <pc:sldLayoutMk cId="0" sldId="2147483659"/>
          </pc:sldLayoutMkLst>
        </pc:sldLayoutChg>
        <pc:sldLayoutChg chg="del">
          <pc:chgData name="CHEUNG, Hiu Ching Athena [Student]" userId="03cc0922-5853-4d01-aac9-cbffaf26e9d9" providerId="ADAL" clId="{2F9B33E2-02F2-493A-91DD-FF13895AABAC}" dt="2021-08-11T03:44:40.887" v="333" actId="47"/>
          <pc:sldLayoutMkLst>
            <pc:docMk/>
            <pc:sldMasterMk cId="0" sldId="2147483669"/>
            <pc:sldLayoutMk cId="0" sldId="2147483660"/>
          </pc:sldLayoutMkLst>
        </pc:sldLayoutChg>
        <pc:sldLayoutChg chg="del">
          <pc:chgData name="CHEUNG, Hiu Ching Athena [Student]" userId="03cc0922-5853-4d01-aac9-cbffaf26e9d9" providerId="ADAL" clId="{2F9B33E2-02F2-493A-91DD-FF13895AABAC}" dt="2021-08-11T03:44:40.887" v="333" actId="47"/>
          <pc:sldLayoutMkLst>
            <pc:docMk/>
            <pc:sldMasterMk cId="0" sldId="2147483669"/>
            <pc:sldLayoutMk cId="0" sldId="2147483661"/>
          </pc:sldLayoutMkLst>
        </pc:sldLayoutChg>
        <pc:sldLayoutChg chg="del">
          <pc:chgData name="CHEUNG, Hiu Ching Athena [Student]" userId="03cc0922-5853-4d01-aac9-cbffaf26e9d9" providerId="ADAL" clId="{2F9B33E2-02F2-493A-91DD-FF13895AABAC}" dt="2021-08-11T03:44:40.887" v="333" actId="47"/>
          <pc:sldLayoutMkLst>
            <pc:docMk/>
            <pc:sldMasterMk cId="0" sldId="2147483669"/>
            <pc:sldLayoutMk cId="0" sldId="2147483662"/>
          </pc:sldLayoutMkLst>
        </pc:sldLayoutChg>
        <pc:sldLayoutChg chg="del">
          <pc:chgData name="CHEUNG, Hiu Ching Athena [Student]" userId="03cc0922-5853-4d01-aac9-cbffaf26e9d9" providerId="ADAL" clId="{2F9B33E2-02F2-493A-91DD-FF13895AABAC}" dt="2021-08-11T03:44:40.887" v="333" actId="47"/>
          <pc:sldLayoutMkLst>
            <pc:docMk/>
            <pc:sldMasterMk cId="0" sldId="2147483669"/>
            <pc:sldLayoutMk cId="0" sldId="2147483664"/>
          </pc:sldLayoutMkLst>
        </pc:sldLayoutChg>
      </pc:sldMasterChg>
      <pc:sldMasterChg chg="del delSldLayout">
        <pc:chgData name="CHEUNG, Hiu Ching Athena [Student]" userId="03cc0922-5853-4d01-aac9-cbffaf26e9d9" providerId="ADAL" clId="{2F9B33E2-02F2-493A-91DD-FF13895AABAC}" dt="2021-08-11T03:44:27.555" v="332" actId="47"/>
        <pc:sldMasterMkLst>
          <pc:docMk/>
          <pc:sldMasterMk cId="0" sldId="2147483670"/>
        </pc:sldMasterMkLst>
        <pc:sldLayoutChg chg="del">
          <pc:chgData name="CHEUNG, Hiu Ching Athena [Student]" userId="03cc0922-5853-4d01-aac9-cbffaf26e9d9" providerId="ADAL" clId="{2F9B33E2-02F2-493A-91DD-FF13895AABAC}" dt="2021-08-11T03:44:27.555" v="332" actId="47"/>
          <pc:sldLayoutMkLst>
            <pc:docMk/>
            <pc:sldMasterMk cId="0" sldId="2147483670"/>
            <pc:sldLayoutMk cId="0" sldId="2147483668"/>
          </pc:sldLayoutMkLst>
        </pc:sldLayoutChg>
      </pc:sldMasterChg>
    </pc:docChg>
  </pc:docChgLst>
  <pc:docChgLst>
    <pc:chgData name="FUNG, Ka Chun Tim [Student]" userId="S::18059161d@connect.polyu.hk::59ec9a4b-e42f-4c79-9d8e-09d547616725" providerId="AD" clId="Web-{E0D530BF-7DF1-1159-7243-82E020BFEC95}"/>
    <pc:docChg chg="addSld delSld modSld">
      <pc:chgData name="FUNG, Ka Chun Tim [Student]" userId="S::18059161d@connect.polyu.hk::59ec9a4b-e42f-4c79-9d8e-09d547616725" providerId="AD" clId="Web-{E0D530BF-7DF1-1159-7243-82E020BFEC95}" dt="2021-10-01T13:45:28.724" v="41"/>
      <pc:docMkLst>
        <pc:docMk/>
      </pc:docMkLst>
      <pc:sldChg chg="modSp">
        <pc:chgData name="FUNG, Ka Chun Tim [Student]" userId="S::18059161d@connect.polyu.hk::59ec9a4b-e42f-4c79-9d8e-09d547616725" providerId="AD" clId="Web-{E0D530BF-7DF1-1159-7243-82E020BFEC95}" dt="2021-10-01T13:44:40.551" v="23" actId="20577"/>
        <pc:sldMkLst>
          <pc:docMk/>
          <pc:sldMk cId="0" sldId="258"/>
        </pc:sldMkLst>
        <pc:spChg chg="mod">
          <ac:chgData name="FUNG, Ka Chun Tim [Student]" userId="S::18059161d@connect.polyu.hk::59ec9a4b-e42f-4c79-9d8e-09d547616725" providerId="AD" clId="Web-{E0D530BF-7DF1-1159-7243-82E020BFEC95}" dt="2021-10-01T13:44:03.909" v="20" actId="20577"/>
          <ac:spMkLst>
            <pc:docMk/>
            <pc:sldMk cId="0" sldId="258"/>
            <ac:spMk id="214" creationId="{00000000-0000-0000-0000-000000000000}"/>
          </ac:spMkLst>
        </pc:spChg>
        <pc:spChg chg="mod">
          <ac:chgData name="FUNG, Ka Chun Tim [Student]" userId="S::18059161d@connect.polyu.hk::59ec9a4b-e42f-4c79-9d8e-09d547616725" providerId="AD" clId="Web-{E0D530BF-7DF1-1159-7243-82E020BFEC95}" dt="2021-10-01T13:44:40.551" v="23" actId="20577"/>
          <ac:spMkLst>
            <pc:docMk/>
            <pc:sldMk cId="0" sldId="258"/>
            <ac:spMk id="215" creationId="{00000000-0000-0000-0000-000000000000}"/>
          </ac:spMkLst>
        </pc:spChg>
      </pc:sldChg>
      <pc:sldChg chg="modSp">
        <pc:chgData name="FUNG, Ka Chun Tim [Student]" userId="S::18059161d@connect.polyu.hk::59ec9a4b-e42f-4c79-9d8e-09d547616725" providerId="AD" clId="Web-{E0D530BF-7DF1-1159-7243-82E020BFEC95}" dt="2021-10-01T13:45:21.473" v="39" actId="1076"/>
        <pc:sldMkLst>
          <pc:docMk/>
          <pc:sldMk cId="4240448844" sldId="298"/>
        </pc:sldMkLst>
        <pc:spChg chg="mod">
          <ac:chgData name="FUNG, Ka Chun Tim [Student]" userId="S::18059161d@connect.polyu.hk::59ec9a4b-e42f-4c79-9d8e-09d547616725" providerId="AD" clId="Web-{E0D530BF-7DF1-1159-7243-82E020BFEC95}" dt="2021-10-01T13:45:21.473" v="39" actId="1076"/>
          <ac:spMkLst>
            <pc:docMk/>
            <pc:sldMk cId="4240448844" sldId="298"/>
            <ac:spMk id="359" creationId="{00000000-0000-0000-0000-000000000000}"/>
          </ac:spMkLst>
        </pc:spChg>
        <pc:spChg chg="mod">
          <ac:chgData name="FUNG, Ka Chun Tim [Student]" userId="S::18059161d@connect.polyu.hk::59ec9a4b-e42f-4c79-9d8e-09d547616725" providerId="AD" clId="Web-{E0D530BF-7DF1-1159-7243-82E020BFEC95}" dt="2021-10-01T13:45:19.848" v="38" actId="1076"/>
          <ac:spMkLst>
            <pc:docMk/>
            <pc:sldMk cId="4240448844" sldId="298"/>
            <ac:spMk id="360" creationId="{00000000-0000-0000-0000-000000000000}"/>
          </ac:spMkLst>
        </pc:spChg>
      </pc:sldChg>
      <pc:sldChg chg="modSp">
        <pc:chgData name="FUNG, Ka Chun Tim [Student]" userId="S::18059161d@connect.polyu.hk::59ec9a4b-e42f-4c79-9d8e-09d547616725" providerId="AD" clId="Web-{E0D530BF-7DF1-1159-7243-82E020BFEC95}" dt="2021-10-01T13:43:06.002" v="13"/>
        <pc:sldMkLst>
          <pc:docMk/>
          <pc:sldMk cId="3676948722" sldId="309"/>
        </pc:sldMkLst>
        <pc:graphicFrameChg chg="mod modGraphic">
          <ac:chgData name="FUNG, Ka Chun Tim [Student]" userId="S::18059161d@connect.polyu.hk::59ec9a4b-e42f-4c79-9d8e-09d547616725" providerId="AD" clId="Web-{E0D530BF-7DF1-1159-7243-82E020BFEC95}" dt="2021-10-01T13:43:06.002" v="13"/>
          <ac:graphicFrameMkLst>
            <pc:docMk/>
            <pc:sldMk cId="3676948722" sldId="309"/>
            <ac:graphicFrameMk id="2" creationId="{BDF47525-78B1-48E8-A41E-D2E22CF5BEB2}"/>
          </ac:graphicFrameMkLst>
        </pc:graphicFrameChg>
      </pc:sldChg>
      <pc:sldChg chg="new del">
        <pc:chgData name="FUNG, Ka Chun Tim [Student]" userId="S::18059161d@connect.polyu.hk::59ec9a4b-e42f-4c79-9d8e-09d547616725" providerId="AD" clId="Web-{E0D530BF-7DF1-1159-7243-82E020BFEC95}" dt="2021-10-01T13:45:28.724" v="41"/>
        <pc:sldMkLst>
          <pc:docMk/>
          <pc:sldMk cId="600267905" sldId="311"/>
        </pc:sldMkLst>
      </pc:sldChg>
    </pc:docChg>
  </pc:docChgLst>
  <pc:docChgLst>
    <pc:chgData name="FUNG, Ka Chun Tim [Student]" userId="S::18059161d@connect.polyu.hk::59ec9a4b-e42f-4c79-9d8e-09d547616725" providerId="AD" clId="Web-{AB3A56F4-C023-5975-6D11-C165C5284939}"/>
    <pc:docChg chg="addSld delSld modSld sldOrd">
      <pc:chgData name="FUNG, Ka Chun Tim [Student]" userId="S::18059161d@connect.polyu.hk::59ec9a4b-e42f-4c79-9d8e-09d547616725" providerId="AD" clId="Web-{AB3A56F4-C023-5975-6D11-C165C5284939}" dt="2021-10-03T06:01:24.059" v="331" actId="1076"/>
      <pc:docMkLst>
        <pc:docMk/>
      </pc:docMkLst>
      <pc:sldChg chg="modSp">
        <pc:chgData name="FUNG, Ka Chun Tim [Student]" userId="S::18059161d@connect.polyu.hk::59ec9a4b-e42f-4c79-9d8e-09d547616725" providerId="AD" clId="Web-{AB3A56F4-C023-5975-6D11-C165C5284939}" dt="2021-10-03T05:13:37.449" v="110" actId="14100"/>
        <pc:sldMkLst>
          <pc:docMk/>
          <pc:sldMk cId="3277186160" sldId="296"/>
        </pc:sldMkLst>
        <pc:spChg chg="mod">
          <ac:chgData name="FUNG, Ka Chun Tim [Student]" userId="S::18059161d@connect.polyu.hk::59ec9a4b-e42f-4c79-9d8e-09d547616725" providerId="AD" clId="Web-{AB3A56F4-C023-5975-6D11-C165C5284939}" dt="2021-10-03T05:13:37.449" v="110" actId="14100"/>
          <ac:spMkLst>
            <pc:docMk/>
            <pc:sldMk cId="3277186160" sldId="296"/>
            <ac:spMk id="360" creationId="{00000000-0000-0000-0000-000000000000}"/>
          </ac:spMkLst>
        </pc:spChg>
      </pc:sldChg>
      <pc:sldChg chg="ord">
        <pc:chgData name="FUNG, Ka Chun Tim [Student]" userId="S::18059161d@connect.polyu.hk::59ec9a4b-e42f-4c79-9d8e-09d547616725" providerId="AD" clId="Web-{AB3A56F4-C023-5975-6D11-C165C5284939}" dt="2021-10-03T04:08:41.353" v="10"/>
        <pc:sldMkLst>
          <pc:docMk/>
          <pc:sldMk cId="3676948722" sldId="309"/>
        </pc:sldMkLst>
      </pc:sldChg>
      <pc:sldChg chg="addSp delSp modSp">
        <pc:chgData name="FUNG, Ka Chun Tim [Student]" userId="S::18059161d@connect.polyu.hk::59ec9a4b-e42f-4c79-9d8e-09d547616725" providerId="AD" clId="Web-{AB3A56F4-C023-5975-6D11-C165C5284939}" dt="2021-10-03T06:01:24.059" v="331" actId="1076"/>
        <pc:sldMkLst>
          <pc:docMk/>
          <pc:sldMk cId="579860046" sldId="310"/>
        </pc:sldMkLst>
        <pc:spChg chg="add mod">
          <ac:chgData name="FUNG, Ka Chun Tim [Student]" userId="S::18059161d@connect.polyu.hk::59ec9a4b-e42f-4c79-9d8e-09d547616725" providerId="AD" clId="Web-{AB3A56F4-C023-5975-6D11-C165C5284939}" dt="2021-10-03T05:58:14.633" v="297" actId="1076"/>
          <ac:spMkLst>
            <pc:docMk/>
            <pc:sldMk cId="579860046" sldId="310"/>
            <ac:spMk id="2" creationId="{62180A23-A45D-4B7B-A298-822085B18D9A}"/>
          </ac:spMkLst>
        </pc:spChg>
        <pc:spChg chg="add mod">
          <ac:chgData name="FUNG, Ka Chun Tim [Student]" userId="S::18059161d@connect.polyu.hk::59ec9a4b-e42f-4c79-9d8e-09d547616725" providerId="AD" clId="Web-{AB3A56F4-C023-5975-6D11-C165C5284939}" dt="2021-10-03T05:57:52.523" v="291" actId="1076"/>
          <ac:spMkLst>
            <pc:docMk/>
            <pc:sldMk cId="579860046" sldId="310"/>
            <ac:spMk id="3" creationId="{EDCA11DF-12AC-4B86-B959-BA2E0C2C9108}"/>
          </ac:spMkLst>
        </pc:spChg>
        <pc:spChg chg="mod">
          <ac:chgData name="FUNG, Ka Chun Tim [Student]" userId="S::18059161d@connect.polyu.hk::59ec9a4b-e42f-4c79-9d8e-09d547616725" providerId="AD" clId="Web-{AB3A56F4-C023-5975-6D11-C165C5284939}" dt="2021-10-03T05:59:11.681" v="322" actId="20577"/>
          <ac:spMkLst>
            <pc:docMk/>
            <pc:sldMk cId="579860046" sldId="310"/>
            <ac:spMk id="7" creationId="{B34CC871-BDD7-425C-B3E7-84BDF0E829B7}"/>
          </ac:spMkLst>
        </pc:spChg>
        <pc:spChg chg="add del mod">
          <ac:chgData name="FUNG, Ka Chun Tim [Student]" userId="S::18059161d@connect.polyu.hk::59ec9a4b-e42f-4c79-9d8e-09d547616725" providerId="AD" clId="Web-{AB3A56F4-C023-5975-6D11-C165C5284939}" dt="2021-10-03T05:59:57.073" v="325"/>
          <ac:spMkLst>
            <pc:docMk/>
            <pc:sldMk cId="579860046" sldId="310"/>
            <ac:spMk id="8" creationId="{4B5BA223-9EE5-43DC-9F27-E3A5A1EE3501}"/>
          </ac:spMkLst>
        </pc:spChg>
        <pc:spChg chg="add mod">
          <ac:chgData name="FUNG, Ka Chun Tim [Student]" userId="S::18059161d@connect.polyu.hk::59ec9a4b-e42f-4c79-9d8e-09d547616725" providerId="AD" clId="Web-{AB3A56F4-C023-5975-6D11-C165C5284939}" dt="2021-10-03T05:58:18.258" v="300" actId="1076"/>
          <ac:spMkLst>
            <pc:docMk/>
            <pc:sldMk cId="579860046" sldId="310"/>
            <ac:spMk id="9" creationId="{C20DBE3A-0721-48A7-89E7-16048E373952}"/>
          </ac:spMkLst>
        </pc:spChg>
        <pc:spChg chg="add mod">
          <ac:chgData name="FUNG, Ka Chun Tim [Student]" userId="S::18059161d@connect.polyu.hk::59ec9a4b-e42f-4c79-9d8e-09d547616725" providerId="AD" clId="Web-{AB3A56F4-C023-5975-6D11-C165C5284939}" dt="2021-10-03T05:58:58.431" v="312" actId="1076"/>
          <ac:spMkLst>
            <pc:docMk/>
            <pc:sldMk cId="579860046" sldId="310"/>
            <ac:spMk id="10" creationId="{075B13C0-01C6-4908-A814-300A7424DDF2}"/>
          </ac:spMkLst>
        </pc:spChg>
        <pc:spChg chg="add mod">
          <ac:chgData name="FUNG, Ka Chun Tim [Student]" userId="S::18059161d@connect.polyu.hk::59ec9a4b-e42f-4c79-9d8e-09d547616725" providerId="AD" clId="Web-{AB3A56F4-C023-5975-6D11-C165C5284939}" dt="2021-10-03T05:59:17.650" v="324" actId="1076"/>
          <ac:spMkLst>
            <pc:docMk/>
            <pc:sldMk cId="579860046" sldId="310"/>
            <ac:spMk id="11" creationId="{24F7F044-6F44-4AAF-AE4A-22431A64A143}"/>
          </ac:spMkLst>
        </pc:spChg>
        <pc:spChg chg="add mod">
          <ac:chgData name="FUNG, Ka Chun Tim [Student]" userId="S::18059161d@connect.polyu.hk::59ec9a4b-e42f-4c79-9d8e-09d547616725" providerId="AD" clId="Web-{AB3A56F4-C023-5975-6D11-C165C5284939}" dt="2021-10-03T06:01:24.059" v="331" actId="1076"/>
          <ac:spMkLst>
            <pc:docMk/>
            <pc:sldMk cId="579860046" sldId="310"/>
            <ac:spMk id="12" creationId="{034948B8-DFDF-49F4-94C9-65DB44A7FF84}"/>
          </ac:spMkLst>
        </pc:spChg>
        <pc:spChg chg="mod">
          <ac:chgData name="FUNG, Ka Chun Tim [Student]" userId="S::18059161d@connect.polyu.hk::59ec9a4b-e42f-4c79-9d8e-09d547616725" providerId="AD" clId="Web-{AB3A56F4-C023-5975-6D11-C165C5284939}" dt="2021-10-03T05:15:05.748" v="119" actId="20577"/>
          <ac:spMkLst>
            <pc:docMk/>
            <pc:sldMk cId="579860046" sldId="310"/>
            <ac:spMk id="298" creationId="{00000000-0000-0000-0000-000000000000}"/>
          </ac:spMkLst>
        </pc:spChg>
      </pc:sldChg>
      <pc:sldChg chg="addSp delSp modSp add del replId">
        <pc:chgData name="FUNG, Ka Chun Tim [Student]" userId="S::18059161d@connect.polyu.hk::59ec9a4b-e42f-4c79-9d8e-09d547616725" providerId="AD" clId="Web-{AB3A56F4-C023-5975-6D11-C165C5284939}" dt="2021-10-03T06:00:29.761" v="329" actId="20577"/>
        <pc:sldMkLst>
          <pc:docMk/>
          <pc:sldMk cId="57273043" sldId="317"/>
        </pc:sldMkLst>
        <pc:spChg chg="mod">
          <ac:chgData name="FUNG, Ka Chun Tim [Student]" userId="S::18059161d@connect.polyu.hk::59ec9a4b-e42f-4c79-9d8e-09d547616725" providerId="AD" clId="Web-{AB3A56F4-C023-5975-6D11-C165C5284939}" dt="2021-10-03T05:56:07.708" v="277" actId="1076"/>
          <ac:spMkLst>
            <pc:docMk/>
            <pc:sldMk cId="57273043" sldId="317"/>
            <ac:spMk id="2" creationId="{62180A23-A45D-4B7B-A298-822085B18D9A}"/>
          </ac:spMkLst>
        </pc:spChg>
        <pc:spChg chg="add del mod">
          <ac:chgData name="FUNG, Ka Chun Tim [Student]" userId="S::18059161d@connect.polyu.hk::59ec9a4b-e42f-4c79-9d8e-09d547616725" providerId="AD" clId="Web-{AB3A56F4-C023-5975-6D11-C165C5284939}" dt="2021-10-03T05:15:12.248" v="122"/>
          <ac:spMkLst>
            <pc:docMk/>
            <pc:sldMk cId="57273043" sldId="317"/>
            <ac:spMk id="4" creationId="{82D0C793-7187-4E15-A411-84C820B2C6DE}"/>
          </ac:spMkLst>
        </pc:spChg>
        <pc:spChg chg="add">
          <ac:chgData name="FUNG, Ka Chun Tim [Student]" userId="S::18059161d@connect.polyu.hk::59ec9a4b-e42f-4c79-9d8e-09d547616725" providerId="AD" clId="Web-{AB3A56F4-C023-5975-6D11-C165C5284939}" dt="2021-10-03T05:15:10.685" v="121"/>
          <ac:spMkLst>
            <pc:docMk/>
            <pc:sldMk cId="57273043" sldId="317"/>
            <ac:spMk id="5" creationId="{F4F65976-681B-4A1B-ABF1-30C87D96F25B}"/>
          </ac:spMkLst>
        </pc:spChg>
        <pc:spChg chg="mod">
          <ac:chgData name="FUNG, Ka Chun Tim [Student]" userId="S::18059161d@connect.polyu.hk::59ec9a4b-e42f-4c79-9d8e-09d547616725" providerId="AD" clId="Web-{AB3A56F4-C023-5975-6D11-C165C5284939}" dt="2021-10-03T06:00:29.761" v="329" actId="20577"/>
          <ac:spMkLst>
            <pc:docMk/>
            <pc:sldMk cId="57273043" sldId="317"/>
            <ac:spMk id="7" creationId="{B34CC871-BDD7-425C-B3E7-84BDF0E829B7}"/>
          </ac:spMkLst>
        </pc:spChg>
        <pc:spChg chg="mod">
          <ac:chgData name="FUNG, Ka Chun Tim [Student]" userId="S::18059161d@connect.polyu.hk::59ec9a4b-e42f-4c79-9d8e-09d547616725" providerId="AD" clId="Web-{AB3A56F4-C023-5975-6D11-C165C5284939}" dt="2021-10-03T05:56:04.848" v="276" actId="1076"/>
          <ac:spMkLst>
            <pc:docMk/>
            <pc:sldMk cId="57273043" sldId="317"/>
            <ac:spMk id="8" creationId="{4B5BA223-9EE5-43DC-9F27-E3A5A1EE3501}"/>
          </ac:spMkLst>
        </pc:spChg>
        <pc:spChg chg="add mod">
          <ac:chgData name="FUNG, Ka Chun Tim [Student]" userId="S::18059161d@connect.polyu.hk::59ec9a4b-e42f-4c79-9d8e-09d547616725" providerId="AD" clId="Web-{AB3A56F4-C023-5975-6D11-C165C5284939}" dt="2021-10-03T05:21:17.208" v="185" actId="14100"/>
          <ac:spMkLst>
            <pc:docMk/>
            <pc:sldMk cId="57273043" sldId="317"/>
            <ac:spMk id="10" creationId="{C905B71F-0D14-412A-BBE8-5E6CE488B444}"/>
          </ac:spMkLst>
        </pc:spChg>
        <pc:spChg chg="add del mod">
          <ac:chgData name="FUNG, Ka Chun Tim [Student]" userId="S::18059161d@connect.polyu.hk::59ec9a4b-e42f-4c79-9d8e-09d547616725" providerId="AD" clId="Web-{AB3A56F4-C023-5975-6D11-C165C5284939}" dt="2021-10-03T05:18:17.908" v="150"/>
          <ac:spMkLst>
            <pc:docMk/>
            <pc:sldMk cId="57273043" sldId="317"/>
            <ac:spMk id="11" creationId="{07D96C9C-88F9-4603-BE03-C22771EF93CA}"/>
          </ac:spMkLst>
        </pc:spChg>
        <pc:spChg chg="add del mod">
          <ac:chgData name="FUNG, Ka Chun Tim [Student]" userId="S::18059161d@connect.polyu.hk::59ec9a4b-e42f-4c79-9d8e-09d547616725" providerId="AD" clId="Web-{AB3A56F4-C023-5975-6D11-C165C5284939}" dt="2021-10-03T05:19:05.956" v="162"/>
          <ac:spMkLst>
            <pc:docMk/>
            <pc:sldMk cId="57273043" sldId="317"/>
            <ac:spMk id="12" creationId="{AFA197C3-CD22-4215-A81B-C0C5ED26FD3C}"/>
          </ac:spMkLst>
        </pc:spChg>
        <pc:spChg chg="add del mod">
          <ac:chgData name="FUNG, Ka Chun Tim [Student]" userId="S::18059161d@connect.polyu.hk::59ec9a4b-e42f-4c79-9d8e-09d547616725" providerId="AD" clId="Web-{AB3A56F4-C023-5975-6D11-C165C5284939}" dt="2021-10-03T05:19:25.847" v="165"/>
          <ac:spMkLst>
            <pc:docMk/>
            <pc:sldMk cId="57273043" sldId="317"/>
            <ac:spMk id="13" creationId="{D7E08F8E-2B87-4460-AC3B-3C42D611EFE7}"/>
          </ac:spMkLst>
        </pc:spChg>
        <pc:spChg chg="add mod">
          <ac:chgData name="FUNG, Ka Chun Tim [Student]" userId="S::18059161d@connect.polyu.hk::59ec9a4b-e42f-4c79-9d8e-09d547616725" providerId="AD" clId="Web-{AB3A56F4-C023-5975-6D11-C165C5284939}" dt="2021-10-03T05:20:20.098" v="174" actId="1076"/>
          <ac:spMkLst>
            <pc:docMk/>
            <pc:sldMk cId="57273043" sldId="317"/>
            <ac:spMk id="15" creationId="{E9CC5EB9-A3AA-4CDC-8CB8-7DECB17EA5D2}"/>
          </ac:spMkLst>
        </pc:spChg>
        <pc:spChg chg="del">
          <ac:chgData name="FUNG, Ka Chun Tim [Student]" userId="S::18059161d@connect.polyu.hk::59ec9a4b-e42f-4c79-9d8e-09d547616725" providerId="AD" clId="Web-{AB3A56F4-C023-5975-6D11-C165C5284939}" dt="2021-10-03T05:15:10.248" v="120"/>
          <ac:spMkLst>
            <pc:docMk/>
            <pc:sldMk cId="57273043" sldId="317"/>
            <ac:spMk id="298" creationId="{00000000-0000-0000-0000-000000000000}"/>
          </ac:spMkLst>
        </pc:spChg>
      </pc:sldChg>
    </pc:docChg>
  </pc:docChgLst>
  <pc:docChgLst>
    <pc:chgData name="CHEUNG, Hiu Ching Athena [Student]" userId="S::18049261d@connect.polyu.hk::03cc0922-5853-4d01-aac9-cbffaf26e9d9" providerId="AD" clId="Web-{B40119EE-246B-6794-8919-08B5EE58FBD9}"/>
    <pc:docChg chg="addSld modSld sldOrd">
      <pc:chgData name="CHEUNG, Hiu Ching Athena [Student]" userId="S::18049261d@connect.polyu.hk::03cc0922-5853-4d01-aac9-cbffaf26e9d9" providerId="AD" clId="Web-{B40119EE-246B-6794-8919-08B5EE58FBD9}" dt="2021-08-10T16:08:50.166" v="126" actId="1076"/>
      <pc:docMkLst>
        <pc:docMk/>
      </pc:docMkLst>
      <pc:sldChg chg="addSp modSp">
        <pc:chgData name="CHEUNG, Hiu Ching Athena [Student]" userId="S::18049261d@connect.polyu.hk::03cc0922-5853-4d01-aac9-cbffaf26e9d9" providerId="AD" clId="Web-{B40119EE-246B-6794-8919-08B5EE58FBD9}" dt="2021-08-10T16:04:32.463" v="42" actId="1076"/>
        <pc:sldMkLst>
          <pc:docMk/>
          <pc:sldMk cId="0" sldId="258"/>
        </pc:sldMkLst>
        <pc:picChg chg="add mod">
          <ac:chgData name="CHEUNG, Hiu Ching Athena [Student]" userId="S::18049261d@connect.polyu.hk::03cc0922-5853-4d01-aac9-cbffaf26e9d9" providerId="AD" clId="Web-{B40119EE-246B-6794-8919-08B5EE58FBD9}" dt="2021-08-10T16:03:24.510" v="32" actId="1076"/>
          <ac:picMkLst>
            <pc:docMk/>
            <pc:sldMk cId="0" sldId="258"/>
            <ac:picMk id="2" creationId="{641D9F89-393D-44C4-BBAB-8F91A4E89F59}"/>
          </ac:picMkLst>
        </pc:picChg>
        <pc:picChg chg="add mod">
          <ac:chgData name="CHEUNG, Hiu Ching Athena [Student]" userId="S::18049261d@connect.polyu.hk::03cc0922-5853-4d01-aac9-cbffaf26e9d9" providerId="AD" clId="Web-{B40119EE-246B-6794-8919-08B5EE58FBD9}" dt="2021-08-10T16:04:32.463" v="42" actId="1076"/>
          <ac:picMkLst>
            <pc:docMk/>
            <pc:sldMk cId="0" sldId="258"/>
            <ac:picMk id="3" creationId="{4E3DAE67-4B80-4347-8AA3-B04F5AA48C41}"/>
          </ac:picMkLst>
        </pc:picChg>
      </pc:sldChg>
      <pc:sldChg chg="addSp delSp modSp ord">
        <pc:chgData name="CHEUNG, Hiu Ching Athena [Student]" userId="S::18049261d@connect.polyu.hk::03cc0922-5853-4d01-aac9-cbffaf26e9d9" providerId="AD" clId="Web-{B40119EE-246B-6794-8919-08B5EE58FBD9}" dt="2021-08-10T16:06:37.291" v="67"/>
        <pc:sldMkLst>
          <pc:docMk/>
          <pc:sldMk cId="0" sldId="263"/>
        </pc:sldMkLst>
        <pc:spChg chg="add del mod">
          <ac:chgData name="CHEUNG, Hiu Ching Athena [Student]" userId="S::18049261d@connect.polyu.hk::03cc0922-5853-4d01-aac9-cbffaf26e9d9" providerId="AD" clId="Web-{B40119EE-246B-6794-8919-08B5EE58FBD9}" dt="2021-08-10T16:06:37.291" v="67"/>
          <ac:spMkLst>
            <pc:docMk/>
            <pc:sldMk cId="0" sldId="263"/>
            <ac:spMk id="11" creationId="{49D80EBA-8FEA-4682-B1A1-7CF7634568D5}"/>
          </ac:spMkLst>
        </pc:spChg>
        <pc:spChg chg="add del">
          <ac:chgData name="CHEUNG, Hiu Ching Athena [Student]" userId="S::18049261d@connect.polyu.hk::03cc0922-5853-4d01-aac9-cbffaf26e9d9" providerId="AD" clId="Web-{B40119EE-246B-6794-8919-08B5EE58FBD9}" dt="2021-08-10T16:06:27.181" v="65"/>
          <ac:spMkLst>
            <pc:docMk/>
            <pc:sldMk cId="0" sldId="263"/>
            <ac:spMk id="49" creationId="{5917266F-31F6-4FEB-B8A5-3FDF5FCD9F62}"/>
          </ac:spMkLst>
        </pc:spChg>
        <pc:spChg chg="add del">
          <ac:chgData name="CHEUNG, Hiu Ching Athena [Student]" userId="S::18049261d@connect.polyu.hk::03cc0922-5853-4d01-aac9-cbffaf26e9d9" providerId="AD" clId="Web-{B40119EE-246B-6794-8919-08B5EE58FBD9}" dt="2021-08-10T16:06:27.181" v="65"/>
          <ac:spMkLst>
            <pc:docMk/>
            <pc:sldMk cId="0" sldId="263"/>
            <ac:spMk id="50" creationId="{68AB0348-6EDB-4A25-8C0F-82FC0B140D2C}"/>
          </ac:spMkLst>
        </pc:spChg>
        <pc:spChg chg="del">
          <ac:chgData name="CHEUNG, Hiu Ching Athena [Student]" userId="S::18049261d@connect.polyu.hk::03cc0922-5853-4d01-aac9-cbffaf26e9d9" providerId="AD" clId="Web-{B40119EE-246B-6794-8919-08B5EE58FBD9}" dt="2021-08-10T16:05:32.775" v="54"/>
          <ac:spMkLst>
            <pc:docMk/>
            <pc:sldMk cId="0" sldId="263"/>
            <ac:spMk id="339" creationId="{00000000-0000-0000-0000-000000000000}"/>
          </ac:spMkLst>
        </pc:spChg>
        <pc:spChg chg="del">
          <ac:chgData name="CHEUNG, Hiu Ching Athena [Student]" userId="S::18049261d@connect.polyu.hk::03cc0922-5853-4d01-aac9-cbffaf26e9d9" providerId="AD" clId="Web-{B40119EE-246B-6794-8919-08B5EE58FBD9}" dt="2021-08-10T16:05:32.713" v="53"/>
          <ac:spMkLst>
            <pc:docMk/>
            <pc:sldMk cId="0" sldId="263"/>
            <ac:spMk id="340" creationId="{00000000-0000-0000-0000-000000000000}"/>
          </ac:spMkLst>
        </pc:spChg>
        <pc:spChg chg="mod">
          <ac:chgData name="CHEUNG, Hiu Ching Athena [Student]" userId="S::18049261d@connect.polyu.hk::03cc0922-5853-4d01-aac9-cbffaf26e9d9" providerId="AD" clId="Web-{B40119EE-246B-6794-8919-08B5EE58FBD9}" dt="2021-08-10T16:01:50.744" v="5" actId="14100"/>
          <ac:spMkLst>
            <pc:docMk/>
            <pc:sldMk cId="0" sldId="263"/>
            <ac:spMk id="359" creationId="{00000000-0000-0000-0000-000000000000}"/>
          </ac:spMkLst>
        </pc:spChg>
        <pc:spChg chg="mod">
          <ac:chgData name="CHEUNG, Hiu Ching Athena [Student]" userId="S::18049261d@connect.polyu.hk::03cc0922-5853-4d01-aac9-cbffaf26e9d9" providerId="AD" clId="Web-{B40119EE-246B-6794-8919-08B5EE58FBD9}" dt="2021-08-10T16:02:10.010" v="7" actId="14100"/>
          <ac:spMkLst>
            <pc:docMk/>
            <pc:sldMk cId="0" sldId="263"/>
            <ac:spMk id="360" creationId="{00000000-0000-0000-0000-000000000000}"/>
          </ac:spMkLst>
        </pc:spChg>
        <pc:spChg chg="add del mod">
          <ac:chgData name="CHEUNG, Hiu Ching Athena [Student]" userId="S::18049261d@connect.polyu.hk::03cc0922-5853-4d01-aac9-cbffaf26e9d9" providerId="AD" clId="Web-{B40119EE-246B-6794-8919-08B5EE58FBD9}" dt="2021-08-10T16:06:37.291" v="66"/>
          <ac:spMkLst>
            <pc:docMk/>
            <pc:sldMk cId="0" sldId="263"/>
            <ac:spMk id="361" creationId="{00000000-0000-0000-0000-000000000000}"/>
          </ac:spMkLst>
        </pc:spChg>
        <pc:spChg chg="add del mod">
          <ac:chgData name="CHEUNG, Hiu Ching Athena [Student]" userId="S::18049261d@connect.polyu.hk::03cc0922-5853-4d01-aac9-cbffaf26e9d9" providerId="AD" clId="Web-{B40119EE-246B-6794-8919-08B5EE58FBD9}" dt="2021-08-10T16:06:37.291" v="67"/>
          <ac:spMkLst>
            <pc:docMk/>
            <pc:sldMk cId="0" sldId="263"/>
            <ac:spMk id="362" creationId="{00000000-0000-0000-0000-000000000000}"/>
          </ac:spMkLst>
        </pc:spChg>
        <pc:grpChg chg="add del">
          <ac:chgData name="CHEUNG, Hiu Ching Athena [Student]" userId="S::18049261d@connect.polyu.hk::03cc0922-5853-4d01-aac9-cbffaf26e9d9" providerId="AD" clId="Web-{B40119EE-246B-6794-8919-08B5EE58FBD9}" dt="2021-08-10T16:05:56.056" v="59"/>
          <ac:grpSpMkLst>
            <pc:docMk/>
            <pc:sldMk cId="0" sldId="263"/>
            <ac:grpSpMk id="335" creationId="{00000000-0000-0000-0000-000000000000}"/>
          </ac:grpSpMkLst>
        </pc:grpChg>
        <pc:picChg chg="add del">
          <ac:chgData name="CHEUNG, Hiu Ching Athena [Student]" userId="S::18049261d@connect.polyu.hk::03cc0922-5853-4d01-aac9-cbffaf26e9d9" providerId="AD" clId="Web-{B40119EE-246B-6794-8919-08B5EE58FBD9}" dt="2021-08-10T16:04:48.697" v="48"/>
          <ac:picMkLst>
            <pc:docMk/>
            <pc:sldMk cId="0" sldId="263"/>
            <ac:picMk id="2" creationId="{CFC6F611-9E00-430B-A0C8-2635DBA7B787}"/>
          </ac:picMkLst>
        </pc:picChg>
        <pc:picChg chg="add del">
          <ac:chgData name="CHEUNG, Hiu Ching Athena [Student]" userId="S::18049261d@connect.polyu.hk::03cc0922-5853-4d01-aac9-cbffaf26e9d9" providerId="AD" clId="Web-{B40119EE-246B-6794-8919-08B5EE58FBD9}" dt="2021-08-10T16:04:48.697" v="47"/>
          <ac:picMkLst>
            <pc:docMk/>
            <pc:sldMk cId="0" sldId="263"/>
            <ac:picMk id="3" creationId="{66FC6B79-BD35-4821-A77F-2603B69DBE1F}"/>
          </ac:picMkLst>
        </pc:picChg>
        <pc:picChg chg="add del">
          <ac:chgData name="CHEUNG, Hiu Ching Athena [Student]" userId="S::18049261d@connect.polyu.hk::03cc0922-5853-4d01-aac9-cbffaf26e9d9" providerId="AD" clId="Web-{B40119EE-246B-6794-8919-08B5EE58FBD9}" dt="2021-08-10T16:04:38.400" v="44"/>
          <ac:picMkLst>
            <pc:docMk/>
            <pc:sldMk cId="0" sldId="263"/>
            <ac:picMk id="4" creationId="{A0F10837-0875-48B1-A9C3-46EB71A4EA9B}"/>
          </ac:picMkLst>
        </pc:picChg>
        <pc:picChg chg="add del">
          <ac:chgData name="CHEUNG, Hiu Ching Athena [Student]" userId="S::18049261d@connect.polyu.hk::03cc0922-5853-4d01-aac9-cbffaf26e9d9" providerId="AD" clId="Web-{B40119EE-246B-6794-8919-08B5EE58FBD9}" dt="2021-08-10T16:04:38.400" v="43"/>
          <ac:picMkLst>
            <pc:docMk/>
            <pc:sldMk cId="0" sldId="263"/>
            <ac:picMk id="5" creationId="{2AC28F4D-71A9-4BA9-842F-4F106689F5CD}"/>
          </ac:picMkLst>
        </pc:picChg>
        <pc:picChg chg="add del">
          <ac:chgData name="CHEUNG, Hiu Ching Athena [Student]" userId="S::18049261d@connect.polyu.hk::03cc0922-5853-4d01-aac9-cbffaf26e9d9" providerId="AD" clId="Web-{B40119EE-246B-6794-8919-08B5EE58FBD9}" dt="2021-08-10T16:05:25.103" v="52"/>
          <ac:picMkLst>
            <pc:docMk/>
            <pc:sldMk cId="0" sldId="263"/>
            <ac:picMk id="6" creationId="{C6DF1FB1-2D96-4933-9D57-2A5BF091A42E}"/>
          </ac:picMkLst>
        </pc:picChg>
        <pc:picChg chg="add del">
          <ac:chgData name="CHEUNG, Hiu Ching Athena [Student]" userId="S::18049261d@connect.polyu.hk::03cc0922-5853-4d01-aac9-cbffaf26e9d9" providerId="AD" clId="Web-{B40119EE-246B-6794-8919-08B5EE58FBD9}" dt="2021-08-10T16:05:25.103" v="51"/>
          <ac:picMkLst>
            <pc:docMk/>
            <pc:sldMk cId="0" sldId="263"/>
            <ac:picMk id="7" creationId="{B5AD4F21-65EA-4BFB-A5A7-174EAA19B8EC}"/>
          </ac:picMkLst>
        </pc:picChg>
        <pc:picChg chg="add">
          <ac:chgData name="CHEUNG, Hiu Ching Athena [Student]" userId="S::18049261d@connect.polyu.hk::03cc0922-5853-4d01-aac9-cbffaf26e9d9" providerId="AD" clId="Web-{B40119EE-246B-6794-8919-08B5EE58FBD9}" dt="2021-08-10T16:05:23.416" v="49"/>
          <ac:picMkLst>
            <pc:docMk/>
            <pc:sldMk cId="0" sldId="263"/>
            <ac:picMk id="8" creationId="{FB10DAFF-4081-4A33-ADBD-E103BF015E16}"/>
          </ac:picMkLst>
        </pc:picChg>
        <pc:picChg chg="add">
          <ac:chgData name="CHEUNG, Hiu Ching Athena [Student]" userId="S::18049261d@connect.polyu.hk::03cc0922-5853-4d01-aac9-cbffaf26e9d9" providerId="AD" clId="Web-{B40119EE-246B-6794-8919-08B5EE58FBD9}" dt="2021-08-10T16:05:23.619" v="50"/>
          <ac:picMkLst>
            <pc:docMk/>
            <pc:sldMk cId="0" sldId="263"/>
            <ac:picMk id="9" creationId="{783DF61C-E1EF-4B71-B694-20D941FC8164}"/>
          </ac:picMkLst>
        </pc:picChg>
      </pc:sldChg>
      <pc:sldChg chg="addSp delSp modSp add replId">
        <pc:chgData name="CHEUNG, Hiu Ching Athena [Student]" userId="S::18049261d@connect.polyu.hk::03cc0922-5853-4d01-aac9-cbffaf26e9d9" providerId="AD" clId="Web-{B40119EE-246B-6794-8919-08B5EE58FBD9}" dt="2021-08-10T16:08:50.166" v="126" actId="1076"/>
        <pc:sldMkLst>
          <pc:docMk/>
          <pc:sldMk cId="3277186160" sldId="296"/>
        </pc:sldMkLst>
        <pc:spChg chg="add mod">
          <ac:chgData name="CHEUNG, Hiu Ching Athena [Student]" userId="S::18049261d@connect.polyu.hk::03cc0922-5853-4d01-aac9-cbffaf26e9d9" providerId="AD" clId="Web-{B40119EE-246B-6794-8919-08B5EE58FBD9}" dt="2021-08-10T16:06:47.744" v="68"/>
          <ac:spMkLst>
            <pc:docMk/>
            <pc:sldMk cId="3277186160" sldId="296"/>
            <ac:spMk id="7" creationId="{F27F9AB9-47DD-408D-9223-59D391A07F50}"/>
          </ac:spMkLst>
        </pc:spChg>
        <pc:spChg chg="add">
          <ac:chgData name="CHEUNG, Hiu Ching Athena [Student]" userId="S::18049261d@connect.polyu.hk::03cc0922-5853-4d01-aac9-cbffaf26e9d9" providerId="AD" clId="Web-{B40119EE-246B-6794-8919-08B5EE58FBD9}" dt="2021-08-10T16:06:48.197" v="70"/>
          <ac:spMkLst>
            <pc:docMk/>
            <pc:sldMk cId="3277186160" sldId="296"/>
            <ac:spMk id="8" creationId="{951ADEBE-0A15-4D5B-875A-FCB96538C1D8}"/>
          </ac:spMkLst>
        </pc:spChg>
        <pc:spChg chg="add mod">
          <ac:chgData name="CHEUNG, Hiu Ching Athena [Student]" userId="S::18049261d@connect.polyu.hk::03cc0922-5853-4d01-aac9-cbffaf26e9d9" providerId="AD" clId="Web-{B40119EE-246B-6794-8919-08B5EE58FBD9}" dt="2021-08-10T16:07:04.635" v="77" actId="20577"/>
          <ac:spMkLst>
            <pc:docMk/>
            <pc:sldMk cId="3277186160" sldId="296"/>
            <ac:spMk id="9" creationId="{9ADCE76D-9C70-441B-8B3F-D36DF2D78E1D}"/>
          </ac:spMkLst>
        </pc:spChg>
        <pc:spChg chg="mod">
          <ac:chgData name="CHEUNG, Hiu Ching Athena [Student]" userId="S::18049261d@connect.polyu.hk::03cc0922-5853-4d01-aac9-cbffaf26e9d9" providerId="AD" clId="Web-{B40119EE-246B-6794-8919-08B5EE58FBD9}" dt="2021-08-10T16:08:19.556" v="97" actId="14100"/>
          <ac:spMkLst>
            <pc:docMk/>
            <pc:sldMk cId="3277186160" sldId="296"/>
            <ac:spMk id="359" creationId="{00000000-0000-0000-0000-000000000000}"/>
          </ac:spMkLst>
        </pc:spChg>
        <pc:spChg chg="mod">
          <ac:chgData name="CHEUNG, Hiu Ching Athena [Student]" userId="S::18049261d@connect.polyu.hk::03cc0922-5853-4d01-aac9-cbffaf26e9d9" providerId="AD" clId="Web-{B40119EE-246B-6794-8919-08B5EE58FBD9}" dt="2021-08-10T16:08:50.166" v="126" actId="1076"/>
          <ac:spMkLst>
            <pc:docMk/>
            <pc:sldMk cId="3277186160" sldId="296"/>
            <ac:spMk id="360" creationId="{00000000-0000-0000-0000-000000000000}"/>
          </ac:spMkLst>
        </pc:spChg>
        <pc:spChg chg="del">
          <ac:chgData name="CHEUNG, Hiu Ching Athena [Student]" userId="S::18049261d@connect.polyu.hk::03cc0922-5853-4d01-aac9-cbffaf26e9d9" providerId="AD" clId="Web-{B40119EE-246B-6794-8919-08B5EE58FBD9}" dt="2021-08-10T16:06:47.744" v="69"/>
          <ac:spMkLst>
            <pc:docMk/>
            <pc:sldMk cId="3277186160" sldId="296"/>
            <ac:spMk id="361" creationId="{00000000-0000-0000-0000-000000000000}"/>
          </ac:spMkLst>
        </pc:spChg>
        <pc:spChg chg="del mod">
          <ac:chgData name="CHEUNG, Hiu Ching Athena [Student]" userId="S::18049261d@connect.polyu.hk::03cc0922-5853-4d01-aac9-cbffaf26e9d9" providerId="AD" clId="Web-{B40119EE-246B-6794-8919-08B5EE58FBD9}" dt="2021-08-10T16:06:47.744" v="68"/>
          <ac:spMkLst>
            <pc:docMk/>
            <pc:sldMk cId="3277186160" sldId="296"/>
            <ac:spMk id="362" creationId="{00000000-0000-0000-0000-000000000000}"/>
          </ac:spMkLst>
        </pc:spChg>
        <pc:grpChg chg="del">
          <ac:chgData name="CHEUNG, Hiu Ching Athena [Student]" userId="S::18049261d@connect.polyu.hk::03cc0922-5853-4d01-aac9-cbffaf26e9d9" providerId="AD" clId="Web-{B40119EE-246B-6794-8919-08B5EE58FBD9}" dt="2021-08-10T16:06:48.572" v="72"/>
          <ac:grpSpMkLst>
            <pc:docMk/>
            <pc:sldMk cId="3277186160" sldId="296"/>
            <ac:grpSpMk id="335" creationId="{00000000-0000-0000-0000-000000000000}"/>
          </ac:grpSpMkLst>
        </pc:grpChg>
        <pc:picChg chg="add del">
          <ac:chgData name="CHEUNG, Hiu Ching Athena [Student]" userId="S::18049261d@connect.polyu.hk::03cc0922-5853-4d01-aac9-cbffaf26e9d9" providerId="AD" clId="Web-{B40119EE-246B-6794-8919-08B5EE58FBD9}" dt="2021-08-10T16:04:14.869" v="41"/>
          <ac:picMkLst>
            <pc:docMk/>
            <pc:sldMk cId="3277186160" sldId="296"/>
            <ac:picMk id="2" creationId="{AAFC6303-4A6C-4486-BAC6-E08E614C9F1E}"/>
          </ac:picMkLst>
        </pc:picChg>
        <pc:picChg chg="add del">
          <ac:chgData name="CHEUNG, Hiu Ching Athena [Student]" userId="S::18049261d@connect.polyu.hk::03cc0922-5853-4d01-aac9-cbffaf26e9d9" providerId="AD" clId="Web-{B40119EE-246B-6794-8919-08B5EE58FBD9}" dt="2021-08-10T16:04:14.869" v="40"/>
          <ac:picMkLst>
            <pc:docMk/>
            <pc:sldMk cId="3277186160" sldId="296"/>
            <ac:picMk id="3" creationId="{3F1FCB55-120F-4943-B4CA-ECBA9BF550DC}"/>
          </ac:picMkLst>
        </pc:picChg>
        <pc:picChg chg="add del mod">
          <ac:chgData name="CHEUNG, Hiu Ching Athena [Student]" userId="S::18049261d@connect.polyu.hk::03cc0922-5853-4d01-aac9-cbffaf26e9d9" providerId="AD" clId="Web-{B40119EE-246B-6794-8919-08B5EE58FBD9}" dt="2021-08-10T16:06:49.181" v="74"/>
          <ac:picMkLst>
            <pc:docMk/>
            <pc:sldMk cId="3277186160" sldId="296"/>
            <ac:picMk id="4" creationId="{6D5135F5-75CA-42FF-BDB7-D72318B03758}"/>
          </ac:picMkLst>
        </pc:picChg>
        <pc:picChg chg="add del">
          <ac:chgData name="CHEUNG, Hiu Ching Athena [Student]" userId="S::18049261d@connect.polyu.hk::03cc0922-5853-4d01-aac9-cbffaf26e9d9" providerId="AD" clId="Web-{B40119EE-246B-6794-8919-08B5EE58FBD9}" dt="2021-08-10T16:06:49.181" v="73"/>
          <ac:picMkLst>
            <pc:docMk/>
            <pc:sldMk cId="3277186160" sldId="296"/>
            <ac:picMk id="5" creationId="{35A3E041-DF1F-46F6-B418-F6A93063DCFD}"/>
          </ac:picMkLst>
        </pc:picChg>
        <pc:picChg chg="add">
          <ac:chgData name="CHEUNG, Hiu Ching Athena [Student]" userId="S::18049261d@connect.polyu.hk::03cc0922-5853-4d01-aac9-cbffaf26e9d9" providerId="AD" clId="Web-{B40119EE-246B-6794-8919-08B5EE58FBD9}" dt="2021-08-10T16:06:58.166" v="75"/>
          <ac:picMkLst>
            <pc:docMk/>
            <pc:sldMk cId="3277186160" sldId="296"/>
            <ac:picMk id="10" creationId="{2F5475F3-5C8F-4F18-92DE-411FB6B25DC3}"/>
          </ac:picMkLst>
        </pc:picChg>
        <pc:picChg chg="add">
          <ac:chgData name="CHEUNG, Hiu Ching Athena [Student]" userId="S::18049261d@connect.polyu.hk::03cc0922-5853-4d01-aac9-cbffaf26e9d9" providerId="AD" clId="Web-{B40119EE-246B-6794-8919-08B5EE58FBD9}" dt="2021-08-10T16:06:58.384" v="76"/>
          <ac:picMkLst>
            <pc:docMk/>
            <pc:sldMk cId="3277186160" sldId="296"/>
            <ac:picMk id="11" creationId="{D02355AF-3908-4EF4-95DA-AFD6C9DB95F0}"/>
          </ac:picMkLst>
        </pc:picChg>
      </pc:sldChg>
      <pc:sldChg chg="addSp delSp modSp add replId">
        <pc:chgData name="CHEUNG, Hiu Ching Athena [Student]" userId="S::18049261d@connect.polyu.hk::03cc0922-5853-4d01-aac9-cbffaf26e9d9" providerId="AD" clId="Web-{B40119EE-246B-6794-8919-08B5EE58FBD9}" dt="2021-08-10T16:07:28.338" v="83" actId="20577"/>
        <pc:sldMkLst>
          <pc:docMk/>
          <pc:sldMk cId="677456615" sldId="297"/>
        </pc:sldMkLst>
        <pc:spChg chg="add mod">
          <ac:chgData name="CHEUNG, Hiu Ching Athena [Student]" userId="S::18049261d@connect.polyu.hk::03cc0922-5853-4d01-aac9-cbffaf26e9d9" providerId="AD" clId="Web-{B40119EE-246B-6794-8919-08B5EE58FBD9}" dt="2021-08-10T16:07:10.494" v="79"/>
          <ac:spMkLst>
            <pc:docMk/>
            <pc:sldMk cId="677456615" sldId="297"/>
            <ac:spMk id="5" creationId="{FABC5564-4008-44E4-AC1F-A472D8217989}"/>
          </ac:spMkLst>
        </pc:spChg>
        <pc:spChg chg="add">
          <ac:chgData name="CHEUNG, Hiu Ching Athena [Student]" userId="S::18049261d@connect.polyu.hk::03cc0922-5853-4d01-aac9-cbffaf26e9d9" providerId="AD" clId="Web-{B40119EE-246B-6794-8919-08B5EE58FBD9}" dt="2021-08-10T16:07:21.447" v="81"/>
          <ac:spMkLst>
            <pc:docMk/>
            <pc:sldMk cId="677456615" sldId="297"/>
            <ac:spMk id="6" creationId="{AA154E01-DC32-480D-BB17-7566CCAAFD8D}"/>
          </ac:spMkLst>
        </pc:spChg>
        <pc:spChg chg="add mod">
          <ac:chgData name="CHEUNG, Hiu Ching Athena [Student]" userId="S::18049261d@connect.polyu.hk::03cc0922-5853-4d01-aac9-cbffaf26e9d9" providerId="AD" clId="Web-{B40119EE-246B-6794-8919-08B5EE58FBD9}" dt="2021-08-10T16:07:28.338" v="83" actId="20577"/>
          <ac:spMkLst>
            <pc:docMk/>
            <pc:sldMk cId="677456615" sldId="297"/>
            <ac:spMk id="7" creationId="{7D421EAE-A9BE-4C25-9A1E-13077A2B364F}"/>
          </ac:spMkLst>
        </pc:spChg>
        <pc:spChg chg="del">
          <ac:chgData name="CHEUNG, Hiu Ching Athena [Student]" userId="S::18049261d@connect.polyu.hk::03cc0922-5853-4d01-aac9-cbffaf26e9d9" providerId="AD" clId="Web-{B40119EE-246B-6794-8919-08B5EE58FBD9}" dt="2021-08-10T16:07:10.369" v="78"/>
          <ac:spMkLst>
            <pc:docMk/>
            <pc:sldMk cId="677456615" sldId="297"/>
            <ac:spMk id="361" creationId="{00000000-0000-0000-0000-000000000000}"/>
          </ac:spMkLst>
        </pc:spChg>
        <pc:spChg chg="del mod">
          <ac:chgData name="CHEUNG, Hiu Ching Athena [Student]" userId="S::18049261d@connect.polyu.hk::03cc0922-5853-4d01-aac9-cbffaf26e9d9" providerId="AD" clId="Web-{B40119EE-246B-6794-8919-08B5EE58FBD9}" dt="2021-08-10T16:07:10.494" v="79"/>
          <ac:spMkLst>
            <pc:docMk/>
            <pc:sldMk cId="677456615" sldId="297"/>
            <ac:spMk id="362" creationId="{00000000-0000-0000-0000-000000000000}"/>
          </ac:spMkLst>
        </pc:spChg>
        <pc:grpChg chg="del">
          <ac:chgData name="CHEUNG, Hiu Ching Athena [Student]" userId="S::18049261d@connect.polyu.hk::03cc0922-5853-4d01-aac9-cbffaf26e9d9" providerId="AD" clId="Web-{B40119EE-246B-6794-8919-08B5EE58FBD9}" dt="2021-08-10T16:07:10.728" v="80"/>
          <ac:grpSpMkLst>
            <pc:docMk/>
            <pc:sldMk cId="677456615" sldId="297"/>
            <ac:grpSpMk id="335" creationId="{00000000-0000-0000-0000-000000000000}"/>
          </ac:grpSpMkLst>
        </pc:grpChg>
        <pc:picChg chg="add">
          <ac:chgData name="CHEUNG, Hiu Ching Athena [Student]" userId="S::18049261d@connect.polyu.hk::03cc0922-5853-4d01-aac9-cbffaf26e9d9" providerId="AD" clId="Web-{B40119EE-246B-6794-8919-08B5EE58FBD9}" dt="2021-08-10T16:02:53.838" v="23"/>
          <ac:picMkLst>
            <pc:docMk/>
            <pc:sldMk cId="677456615" sldId="297"/>
            <ac:picMk id="2" creationId="{AC57AB5D-1487-4BC3-8813-E9E28E023883}"/>
          </ac:picMkLst>
        </pc:picChg>
        <pc:picChg chg="add">
          <ac:chgData name="CHEUNG, Hiu Ching Athena [Student]" userId="S::18049261d@connect.polyu.hk::03cc0922-5853-4d01-aac9-cbffaf26e9d9" providerId="AD" clId="Web-{B40119EE-246B-6794-8919-08B5EE58FBD9}" dt="2021-08-10T16:02:54.056" v="24"/>
          <ac:picMkLst>
            <pc:docMk/>
            <pc:sldMk cId="677456615" sldId="297"/>
            <ac:picMk id="3" creationId="{292F97A9-84CB-48AC-AFD7-F032E0ACE605}"/>
          </ac:picMkLst>
        </pc:picChg>
      </pc:sldChg>
      <pc:sldChg chg="addSp delSp modSp add replId">
        <pc:chgData name="CHEUNG, Hiu Ching Athena [Student]" userId="S::18049261d@connect.polyu.hk::03cc0922-5853-4d01-aac9-cbffaf26e9d9" providerId="AD" clId="Web-{B40119EE-246B-6794-8919-08B5EE58FBD9}" dt="2021-08-10T16:07:42.806" v="89" actId="20577"/>
        <pc:sldMkLst>
          <pc:docMk/>
          <pc:sldMk cId="4240448844" sldId="298"/>
        </pc:sldMkLst>
        <pc:spChg chg="add mod">
          <ac:chgData name="CHEUNG, Hiu Ching Athena [Student]" userId="S::18049261d@connect.polyu.hk::03cc0922-5853-4d01-aac9-cbffaf26e9d9" providerId="AD" clId="Web-{B40119EE-246B-6794-8919-08B5EE58FBD9}" dt="2021-08-10T16:07:38.759" v="84"/>
          <ac:spMkLst>
            <pc:docMk/>
            <pc:sldMk cId="4240448844" sldId="298"/>
            <ac:spMk id="5" creationId="{2A9DFA56-DFD9-41E0-80D0-54FD81F436B7}"/>
          </ac:spMkLst>
        </pc:spChg>
        <pc:spChg chg="add">
          <ac:chgData name="CHEUNG, Hiu Ching Athena [Student]" userId="S::18049261d@connect.polyu.hk::03cc0922-5853-4d01-aac9-cbffaf26e9d9" providerId="AD" clId="Web-{B40119EE-246B-6794-8919-08B5EE58FBD9}" dt="2021-08-10T16:07:39.666" v="87"/>
          <ac:spMkLst>
            <pc:docMk/>
            <pc:sldMk cId="4240448844" sldId="298"/>
            <ac:spMk id="6" creationId="{C44A6F15-90A3-47AD-99EE-AF01DE371924}"/>
          </ac:spMkLst>
        </pc:spChg>
        <pc:spChg chg="add mod">
          <ac:chgData name="CHEUNG, Hiu Ching Athena [Student]" userId="S::18049261d@connect.polyu.hk::03cc0922-5853-4d01-aac9-cbffaf26e9d9" providerId="AD" clId="Web-{B40119EE-246B-6794-8919-08B5EE58FBD9}" dt="2021-08-10T16:07:42.806" v="89" actId="20577"/>
          <ac:spMkLst>
            <pc:docMk/>
            <pc:sldMk cId="4240448844" sldId="298"/>
            <ac:spMk id="7" creationId="{345C2C61-9467-4E44-8D44-5BCBC4A2936B}"/>
          </ac:spMkLst>
        </pc:spChg>
        <pc:spChg chg="del">
          <ac:chgData name="CHEUNG, Hiu Ching Athena [Student]" userId="S::18049261d@connect.polyu.hk::03cc0922-5853-4d01-aac9-cbffaf26e9d9" providerId="AD" clId="Web-{B40119EE-246B-6794-8919-08B5EE58FBD9}" dt="2021-08-10T16:07:38.775" v="85"/>
          <ac:spMkLst>
            <pc:docMk/>
            <pc:sldMk cId="4240448844" sldId="298"/>
            <ac:spMk id="361" creationId="{00000000-0000-0000-0000-000000000000}"/>
          </ac:spMkLst>
        </pc:spChg>
        <pc:spChg chg="del mod">
          <ac:chgData name="CHEUNG, Hiu Ching Athena [Student]" userId="S::18049261d@connect.polyu.hk::03cc0922-5853-4d01-aac9-cbffaf26e9d9" providerId="AD" clId="Web-{B40119EE-246B-6794-8919-08B5EE58FBD9}" dt="2021-08-10T16:07:38.759" v="84"/>
          <ac:spMkLst>
            <pc:docMk/>
            <pc:sldMk cId="4240448844" sldId="298"/>
            <ac:spMk id="362" creationId="{00000000-0000-0000-0000-000000000000}"/>
          </ac:spMkLst>
        </pc:spChg>
        <pc:grpChg chg="del">
          <ac:chgData name="CHEUNG, Hiu Ching Athena [Student]" userId="S::18049261d@connect.polyu.hk::03cc0922-5853-4d01-aac9-cbffaf26e9d9" providerId="AD" clId="Web-{B40119EE-246B-6794-8919-08B5EE58FBD9}" dt="2021-08-10T16:07:39.025" v="86"/>
          <ac:grpSpMkLst>
            <pc:docMk/>
            <pc:sldMk cId="4240448844" sldId="298"/>
            <ac:grpSpMk id="335" creationId="{00000000-0000-0000-0000-000000000000}"/>
          </ac:grpSpMkLst>
        </pc:grpChg>
        <pc:picChg chg="add">
          <ac:chgData name="CHEUNG, Hiu Ching Athena [Student]" userId="S::18049261d@connect.polyu.hk::03cc0922-5853-4d01-aac9-cbffaf26e9d9" providerId="AD" clId="Web-{B40119EE-246B-6794-8919-08B5EE58FBD9}" dt="2021-08-10T16:02:54.666" v="25"/>
          <ac:picMkLst>
            <pc:docMk/>
            <pc:sldMk cId="4240448844" sldId="298"/>
            <ac:picMk id="2" creationId="{5EA285EB-DF98-4980-9425-D94175ED3C2C}"/>
          </ac:picMkLst>
        </pc:picChg>
        <pc:picChg chg="add">
          <ac:chgData name="CHEUNG, Hiu Ching Athena [Student]" userId="S::18049261d@connect.polyu.hk::03cc0922-5853-4d01-aac9-cbffaf26e9d9" providerId="AD" clId="Web-{B40119EE-246B-6794-8919-08B5EE58FBD9}" dt="2021-08-10T16:02:54.869" v="26"/>
          <ac:picMkLst>
            <pc:docMk/>
            <pc:sldMk cId="4240448844" sldId="298"/>
            <ac:picMk id="3" creationId="{C4812345-2664-47E0-A776-C22C31A2F235}"/>
          </ac:picMkLst>
        </pc:picChg>
      </pc:sldChg>
    </pc:docChg>
  </pc:docChgLst>
  <pc:docChgLst>
    <pc:chgData name="FUNG, Ka Chun Tim [Student]" userId="S::18059161d@connect.polyu.hk::59ec9a4b-e42f-4c79-9d8e-09d547616725" providerId="AD" clId="Web-{28767952-0BB3-A398-33C7-DD5D0A1BB4A9}"/>
    <pc:docChg chg="modSld">
      <pc:chgData name="FUNG, Ka Chun Tim [Student]" userId="S::18059161d@connect.polyu.hk::59ec9a4b-e42f-4c79-9d8e-09d547616725" providerId="AD" clId="Web-{28767952-0BB3-A398-33C7-DD5D0A1BB4A9}" dt="2021-10-26T14:56:16.953" v="4" actId="20577"/>
      <pc:docMkLst>
        <pc:docMk/>
      </pc:docMkLst>
      <pc:sldChg chg="modSp">
        <pc:chgData name="FUNG, Ka Chun Tim [Student]" userId="S::18059161d@connect.polyu.hk::59ec9a4b-e42f-4c79-9d8e-09d547616725" providerId="AD" clId="Web-{28767952-0BB3-A398-33C7-DD5D0A1BB4A9}" dt="2021-10-26T14:56:16.953" v="4" actId="20577"/>
        <pc:sldMkLst>
          <pc:docMk/>
          <pc:sldMk cId="2594107415" sldId="321"/>
        </pc:sldMkLst>
        <pc:spChg chg="mod">
          <ac:chgData name="FUNG, Ka Chun Tim [Student]" userId="S::18059161d@connect.polyu.hk::59ec9a4b-e42f-4c79-9d8e-09d547616725" providerId="AD" clId="Web-{28767952-0BB3-A398-33C7-DD5D0A1BB4A9}" dt="2021-10-26T14:56:16.953" v="4" actId="20577"/>
          <ac:spMkLst>
            <pc:docMk/>
            <pc:sldMk cId="2594107415" sldId="321"/>
            <ac:spMk id="3" creationId="{E0E875AA-0E87-4CAB-80E8-96B0339FFE51}"/>
          </ac:spMkLst>
        </pc:spChg>
      </pc:sldChg>
    </pc:docChg>
  </pc:docChgLst>
  <pc:docChgLst>
    <pc:chgData name="FUNG, Ka Chun Tim [Student]" userId="S::18059161d@connect.polyu.hk::59ec9a4b-e42f-4c79-9d8e-09d547616725" providerId="AD" clId="Web-{A8CFFBA1-EE80-458A-AC8C-420E5E9BD3F8}"/>
    <pc:docChg chg="modSld">
      <pc:chgData name="FUNG, Ka Chun Tim [Student]" userId="S::18059161d@connect.polyu.hk::59ec9a4b-e42f-4c79-9d8e-09d547616725" providerId="AD" clId="Web-{A8CFFBA1-EE80-458A-AC8C-420E5E9BD3F8}" dt="2021-11-01T04:54:55.303" v="229" actId="20577"/>
      <pc:docMkLst>
        <pc:docMk/>
      </pc:docMkLst>
      <pc:sldChg chg="modSp">
        <pc:chgData name="FUNG, Ka Chun Tim [Student]" userId="S::18059161d@connect.polyu.hk::59ec9a4b-e42f-4c79-9d8e-09d547616725" providerId="AD" clId="Web-{A8CFFBA1-EE80-458A-AC8C-420E5E9BD3F8}" dt="2021-11-01T04:54:55.303" v="229" actId="20577"/>
        <pc:sldMkLst>
          <pc:docMk/>
          <pc:sldMk cId="2062501764" sldId="312"/>
        </pc:sldMkLst>
        <pc:spChg chg="mod">
          <ac:chgData name="FUNG, Ka Chun Tim [Student]" userId="S::18059161d@connect.polyu.hk::59ec9a4b-e42f-4c79-9d8e-09d547616725" providerId="AD" clId="Web-{A8CFFBA1-EE80-458A-AC8C-420E5E9BD3F8}" dt="2021-11-01T04:54:55.303" v="229" actId="20577"/>
          <ac:spMkLst>
            <pc:docMk/>
            <pc:sldMk cId="2062501764" sldId="312"/>
            <ac:spMk id="22" creationId="{1AC53AC4-2315-4E8E-9305-93A5CDC8ED50}"/>
          </ac:spMkLst>
        </pc:spChg>
      </pc:sldChg>
      <pc:sldChg chg="addSp modSp">
        <pc:chgData name="FUNG, Ka Chun Tim [Student]" userId="S::18059161d@connect.polyu.hk::59ec9a4b-e42f-4c79-9d8e-09d547616725" providerId="AD" clId="Web-{A8CFFBA1-EE80-458A-AC8C-420E5E9BD3F8}" dt="2021-11-01T04:46:22.463" v="31" actId="20577"/>
        <pc:sldMkLst>
          <pc:docMk/>
          <pc:sldMk cId="3093510988" sldId="313"/>
        </pc:sldMkLst>
        <pc:spChg chg="mod">
          <ac:chgData name="FUNG, Ka Chun Tim [Student]" userId="S::18059161d@connect.polyu.hk::59ec9a4b-e42f-4c79-9d8e-09d547616725" providerId="AD" clId="Web-{A8CFFBA1-EE80-458A-AC8C-420E5E9BD3F8}" dt="2021-11-01T04:46:22.463" v="31" actId="20577"/>
          <ac:spMkLst>
            <pc:docMk/>
            <pc:sldMk cId="3093510988" sldId="313"/>
            <ac:spMk id="7" creationId="{B34CC871-BDD7-425C-B3E7-84BDF0E829B7}"/>
          </ac:spMkLst>
        </pc:spChg>
        <pc:picChg chg="add mod">
          <ac:chgData name="FUNG, Ka Chun Tim [Student]" userId="S::18059161d@connect.polyu.hk::59ec9a4b-e42f-4c79-9d8e-09d547616725" providerId="AD" clId="Web-{A8CFFBA1-EE80-458A-AC8C-420E5E9BD3F8}" dt="2021-11-01T04:40:31.315" v="28" actId="1076"/>
          <ac:picMkLst>
            <pc:docMk/>
            <pc:sldMk cId="3093510988" sldId="313"/>
            <ac:picMk id="2" creationId="{53E90513-ED66-4A92-9D7C-6D73EA432C89}"/>
          </ac:picMkLst>
        </pc:picChg>
        <pc:picChg chg="add mod">
          <ac:chgData name="FUNG, Ka Chun Tim [Student]" userId="S::18059161d@connect.polyu.hk::59ec9a4b-e42f-4c79-9d8e-09d547616725" providerId="AD" clId="Web-{A8CFFBA1-EE80-458A-AC8C-420E5E9BD3F8}" dt="2021-11-01T04:40:32.784" v="29" actId="1076"/>
          <ac:picMkLst>
            <pc:docMk/>
            <pc:sldMk cId="3093510988" sldId="313"/>
            <ac:picMk id="3" creationId="{FA4EEA4A-15DC-41EF-A406-7556BEA7FC6B}"/>
          </ac:picMkLst>
        </pc:picChg>
      </pc:sldChg>
    </pc:docChg>
  </pc:docChgLst>
  <pc:docChgLst>
    <pc:chgData name="FUNG, Ka Chun Tim [Student]" userId="S::18059161d@connect.polyu.hk::59ec9a4b-e42f-4c79-9d8e-09d547616725" providerId="AD" clId="Web-{D54FAE53-697E-10B9-B211-9548FF4C80D9}"/>
    <pc:docChg chg="modSld sldOrd">
      <pc:chgData name="FUNG, Ka Chun Tim [Student]" userId="S::18059161d@connect.polyu.hk::59ec9a4b-e42f-4c79-9d8e-09d547616725" providerId="AD" clId="Web-{D54FAE53-697E-10B9-B211-9548FF4C80D9}" dt="2021-10-03T16:43:32.922" v="30" actId="20577"/>
      <pc:docMkLst>
        <pc:docMk/>
      </pc:docMkLst>
      <pc:sldChg chg="ord">
        <pc:chgData name="FUNG, Ka Chun Tim [Student]" userId="S::18059161d@connect.polyu.hk::59ec9a4b-e42f-4c79-9d8e-09d547616725" providerId="AD" clId="Web-{D54FAE53-697E-10B9-B211-9548FF4C80D9}" dt="2021-10-03T16:13:48.294" v="0"/>
        <pc:sldMkLst>
          <pc:docMk/>
          <pc:sldMk cId="579860046" sldId="310"/>
        </pc:sldMkLst>
      </pc:sldChg>
      <pc:sldChg chg="modSp ord">
        <pc:chgData name="FUNG, Ka Chun Tim [Student]" userId="S::18059161d@connect.polyu.hk::59ec9a4b-e42f-4c79-9d8e-09d547616725" providerId="AD" clId="Web-{D54FAE53-697E-10B9-B211-9548FF4C80D9}" dt="2021-10-03T16:43:32.922" v="30" actId="20577"/>
        <pc:sldMkLst>
          <pc:docMk/>
          <pc:sldMk cId="57273043" sldId="317"/>
        </pc:sldMkLst>
        <pc:spChg chg="mod">
          <ac:chgData name="FUNG, Ka Chun Tim [Student]" userId="S::18059161d@connect.polyu.hk::59ec9a4b-e42f-4c79-9d8e-09d547616725" providerId="AD" clId="Web-{D54FAE53-697E-10B9-B211-9548FF4C80D9}" dt="2021-10-03T16:40:32.309" v="3" actId="1076"/>
          <ac:spMkLst>
            <pc:docMk/>
            <pc:sldMk cId="57273043" sldId="317"/>
            <ac:spMk id="5" creationId="{F4F65976-681B-4A1B-ABF1-30C87D96F25B}"/>
          </ac:spMkLst>
        </pc:spChg>
        <pc:spChg chg="mod">
          <ac:chgData name="FUNG, Ka Chun Tim [Student]" userId="S::18059161d@connect.polyu.hk::59ec9a4b-e42f-4c79-9d8e-09d547616725" providerId="AD" clId="Web-{D54FAE53-697E-10B9-B211-9548FF4C80D9}" dt="2021-10-03T16:43:32.922" v="30" actId="20577"/>
          <ac:spMkLst>
            <pc:docMk/>
            <pc:sldMk cId="57273043" sldId="317"/>
            <ac:spMk id="7" creationId="{B34CC871-BDD7-425C-B3E7-84BDF0E829B7}"/>
          </ac:spMkLst>
        </pc:spChg>
        <pc:picChg chg="mod">
          <ac:chgData name="FUNG, Ka Chun Tim [Student]" userId="S::18059161d@connect.polyu.hk::59ec9a4b-e42f-4c79-9d8e-09d547616725" providerId="AD" clId="Web-{D54FAE53-697E-10B9-B211-9548FF4C80D9}" dt="2021-10-03T16:42:47.780" v="23" actId="1076"/>
          <ac:picMkLst>
            <pc:docMk/>
            <pc:sldMk cId="57273043" sldId="317"/>
            <ac:picMk id="3" creationId="{79D3ECF6-71E2-4785-BE8E-BE6044FF9016}"/>
          </ac:picMkLst>
        </pc:picChg>
      </pc:sldChg>
    </pc:docChg>
  </pc:docChgLst>
  <pc:docChgLst>
    <pc:chgData name="FUNG, Ka Chun Tim [Student]" userId="S::18059161d@connect.polyu.hk::59ec9a4b-e42f-4c79-9d8e-09d547616725" providerId="AD" clId="Web-{5125E5A5-1506-1123-AC3B-158D2968709F}"/>
    <pc:docChg chg="addSld modSld">
      <pc:chgData name="FUNG, Ka Chun Tim [Student]" userId="S::18059161d@connect.polyu.hk::59ec9a4b-e42f-4c79-9d8e-09d547616725" providerId="AD" clId="Web-{5125E5A5-1506-1123-AC3B-158D2968709F}" dt="2021-10-31T13:13:16.539" v="248" actId="14100"/>
      <pc:docMkLst>
        <pc:docMk/>
      </pc:docMkLst>
      <pc:sldChg chg="addSp delSp modSp">
        <pc:chgData name="FUNG, Ka Chun Tim [Student]" userId="S::18059161d@connect.polyu.hk::59ec9a4b-e42f-4c79-9d8e-09d547616725" providerId="AD" clId="Web-{5125E5A5-1506-1123-AC3B-158D2968709F}" dt="2021-10-31T12:42:15.230" v="13"/>
        <pc:sldMkLst>
          <pc:docMk/>
          <pc:sldMk cId="941444539" sldId="299"/>
        </pc:sldMkLst>
        <pc:spChg chg="add del">
          <ac:chgData name="FUNG, Ka Chun Tim [Student]" userId="S::18059161d@connect.polyu.hk::59ec9a4b-e42f-4c79-9d8e-09d547616725" providerId="AD" clId="Web-{5125E5A5-1506-1123-AC3B-158D2968709F}" dt="2021-10-31T12:42:15.230" v="13"/>
          <ac:spMkLst>
            <pc:docMk/>
            <pc:sldMk cId="941444539" sldId="299"/>
            <ac:spMk id="299" creationId="{00000000-0000-0000-0000-000000000000}"/>
          </ac:spMkLst>
        </pc:spChg>
        <pc:picChg chg="add del mod">
          <ac:chgData name="FUNG, Ka Chun Tim [Student]" userId="S::18059161d@connect.polyu.hk::59ec9a4b-e42f-4c79-9d8e-09d547616725" providerId="AD" clId="Web-{5125E5A5-1506-1123-AC3B-158D2968709F}" dt="2021-10-31T12:41:53.901" v="5"/>
          <ac:picMkLst>
            <pc:docMk/>
            <pc:sldMk cId="941444539" sldId="299"/>
            <ac:picMk id="2" creationId="{B51CC36F-68BF-42F9-8CC0-F3A970D209F2}"/>
          </ac:picMkLst>
        </pc:picChg>
        <pc:picChg chg="add mod">
          <ac:chgData name="FUNG, Ka Chun Tim [Student]" userId="S::18059161d@connect.polyu.hk::59ec9a4b-e42f-4c79-9d8e-09d547616725" providerId="AD" clId="Web-{5125E5A5-1506-1123-AC3B-158D2968709F}" dt="2021-10-31T12:41:58.745" v="7" actId="1076"/>
          <ac:picMkLst>
            <pc:docMk/>
            <pc:sldMk cId="941444539" sldId="299"/>
            <ac:picMk id="3" creationId="{F57516DE-08E0-4436-BC1F-0C23BE77B06F}"/>
          </ac:picMkLst>
        </pc:picChg>
        <pc:picChg chg="add mod">
          <ac:chgData name="FUNG, Ka Chun Tim [Student]" userId="S::18059161d@connect.polyu.hk::59ec9a4b-e42f-4c79-9d8e-09d547616725" providerId="AD" clId="Web-{5125E5A5-1506-1123-AC3B-158D2968709F}" dt="2021-10-31T12:42:02.995" v="9" actId="1076"/>
          <ac:picMkLst>
            <pc:docMk/>
            <pc:sldMk cId="941444539" sldId="299"/>
            <ac:picMk id="4" creationId="{EC8EBA9B-BB3E-4D43-9C85-6801D3A380A8}"/>
          </ac:picMkLst>
        </pc:picChg>
        <pc:picChg chg="add mod">
          <ac:chgData name="FUNG, Ka Chun Tim [Student]" userId="S::18059161d@connect.polyu.hk::59ec9a4b-e42f-4c79-9d8e-09d547616725" providerId="AD" clId="Web-{5125E5A5-1506-1123-AC3B-158D2968709F}" dt="2021-10-31T12:42:06.839" v="11" actId="1076"/>
          <ac:picMkLst>
            <pc:docMk/>
            <pc:sldMk cId="941444539" sldId="299"/>
            <ac:picMk id="5" creationId="{20ADF0B6-D750-48AD-9CB5-FF9820050810}"/>
          </ac:picMkLst>
        </pc:picChg>
      </pc:sldChg>
      <pc:sldChg chg="addSp delSp modSp">
        <pc:chgData name="FUNG, Ka Chun Tim [Student]" userId="S::18059161d@connect.polyu.hk::59ec9a4b-e42f-4c79-9d8e-09d547616725" providerId="AD" clId="Web-{5125E5A5-1506-1123-AC3B-158D2968709F}" dt="2021-10-31T13:13:16.539" v="248" actId="14100"/>
        <pc:sldMkLst>
          <pc:docMk/>
          <pc:sldMk cId="3676948722" sldId="309"/>
        </pc:sldMkLst>
        <pc:spChg chg="mod">
          <ac:chgData name="FUNG, Ka Chun Tim [Student]" userId="S::18059161d@connect.polyu.hk::59ec9a4b-e42f-4c79-9d8e-09d547616725" providerId="AD" clId="Web-{5125E5A5-1506-1123-AC3B-158D2968709F}" dt="2021-10-31T12:43:54.138" v="35" actId="14100"/>
          <ac:spMkLst>
            <pc:docMk/>
            <pc:sldMk cId="3676948722" sldId="309"/>
            <ac:spMk id="4" creationId="{594FB4F1-4B24-4DDC-9BFF-24A55151C627}"/>
          </ac:spMkLst>
        </pc:spChg>
        <pc:spChg chg="mod">
          <ac:chgData name="FUNG, Ka Chun Tim [Student]" userId="S::18059161d@connect.polyu.hk::59ec9a4b-e42f-4c79-9d8e-09d547616725" providerId="AD" clId="Web-{5125E5A5-1506-1123-AC3B-158D2968709F}" dt="2021-10-31T12:44:08.951" v="44" actId="20577"/>
          <ac:spMkLst>
            <pc:docMk/>
            <pc:sldMk cId="3676948722" sldId="309"/>
            <ac:spMk id="13" creationId="{AA54A8A4-72B4-4D48-9B03-FAD4BA100FA8}"/>
          </ac:spMkLst>
        </pc:spChg>
        <pc:spChg chg="mod">
          <ac:chgData name="FUNG, Ka Chun Tim [Student]" userId="S::18059161d@connect.polyu.hk::59ec9a4b-e42f-4c79-9d8e-09d547616725" providerId="AD" clId="Web-{5125E5A5-1506-1123-AC3B-158D2968709F}" dt="2021-10-31T12:55:19.248" v="152" actId="1076"/>
          <ac:spMkLst>
            <pc:docMk/>
            <pc:sldMk cId="3676948722" sldId="309"/>
            <ac:spMk id="14" creationId="{2986A655-1AE1-3D4B-8734-52AA9900E686}"/>
          </ac:spMkLst>
        </pc:spChg>
        <pc:spChg chg="mod">
          <ac:chgData name="FUNG, Ka Chun Tim [Student]" userId="S::18059161d@connect.polyu.hk::59ec9a4b-e42f-4c79-9d8e-09d547616725" providerId="AD" clId="Web-{5125E5A5-1506-1123-AC3B-158D2968709F}" dt="2021-10-31T13:11:13.755" v="223" actId="20577"/>
          <ac:spMkLst>
            <pc:docMk/>
            <pc:sldMk cId="3676948722" sldId="309"/>
            <ac:spMk id="15" creationId="{24A0DF97-0159-B344-B558-7FA16982E633}"/>
          </ac:spMkLst>
        </pc:spChg>
        <pc:spChg chg="mod">
          <ac:chgData name="FUNG, Ka Chun Tim [Student]" userId="S::18059161d@connect.polyu.hk::59ec9a4b-e42f-4c79-9d8e-09d547616725" providerId="AD" clId="Web-{5125E5A5-1506-1123-AC3B-158D2968709F}" dt="2021-10-31T13:10:24.004" v="220" actId="1076"/>
          <ac:spMkLst>
            <pc:docMk/>
            <pc:sldMk cId="3676948722" sldId="309"/>
            <ac:spMk id="16" creationId="{ABAC9CAE-6CD6-8340-BE9D-54C5734D9FFD}"/>
          </ac:spMkLst>
        </pc:spChg>
        <pc:spChg chg="mod">
          <ac:chgData name="FUNG, Ka Chun Tim [Student]" userId="S::18059161d@connect.polyu.hk::59ec9a4b-e42f-4c79-9d8e-09d547616725" providerId="AD" clId="Web-{5125E5A5-1506-1123-AC3B-158D2968709F}" dt="2021-10-31T13:12:39.648" v="240" actId="1076"/>
          <ac:spMkLst>
            <pc:docMk/>
            <pc:sldMk cId="3676948722" sldId="309"/>
            <ac:spMk id="18" creationId="{CB2B1F31-1714-5342-A517-38D97E19A5C8}"/>
          </ac:spMkLst>
        </pc:spChg>
        <pc:spChg chg="mod">
          <ac:chgData name="FUNG, Ka Chun Tim [Student]" userId="S::18059161d@connect.polyu.hk::59ec9a4b-e42f-4c79-9d8e-09d547616725" providerId="AD" clId="Web-{5125E5A5-1506-1123-AC3B-158D2968709F}" dt="2021-10-31T12:54:11.215" v="142" actId="1076"/>
          <ac:spMkLst>
            <pc:docMk/>
            <pc:sldMk cId="3676948722" sldId="309"/>
            <ac:spMk id="19" creationId="{1B0002FA-7D0E-E24A-ABE4-30904EEFE6D7}"/>
          </ac:spMkLst>
        </pc:spChg>
        <pc:spChg chg="del">
          <ac:chgData name="FUNG, Ka Chun Tim [Student]" userId="S::18059161d@connect.polyu.hk::59ec9a4b-e42f-4c79-9d8e-09d547616725" providerId="AD" clId="Web-{5125E5A5-1506-1123-AC3B-158D2968709F}" dt="2021-10-31T12:49:17.052" v="48"/>
          <ac:spMkLst>
            <pc:docMk/>
            <pc:sldMk cId="3676948722" sldId="309"/>
            <ac:spMk id="21" creationId="{893EBCCA-7D28-0D45-8E92-D86460A07C02}"/>
          </ac:spMkLst>
        </pc:spChg>
        <pc:spChg chg="add mod">
          <ac:chgData name="FUNG, Ka Chun Tim [Student]" userId="S::18059161d@connect.polyu.hk::59ec9a4b-e42f-4c79-9d8e-09d547616725" providerId="AD" clId="Web-{5125E5A5-1506-1123-AC3B-158D2968709F}" dt="2021-10-31T13:10:10.910" v="217" actId="14100"/>
          <ac:spMkLst>
            <pc:docMk/>
            <pc:sldMk cId="3676948722" sldId="309"/>
            <ac:spMk id="22" creationId="{107B1BAB-81C2-40EF-8214-DB9488A13E54}"/>
          </ac:spMkLst>
        </pc:spChg>
        <pc:spChg chg="add mod">
          <ac:chgData name="FUNG, Ka Chun Tim [Student]" userId="S::18059161d@connect.polyu.hk::59ec9a4b-e42f-4c79-9d8e-09d547616725" providerId="AD" clId="Web-{5125E5A5-1506-1123-AC3B-158D2968709F}" dt="2021-10-31T13:12:58.367" v="247" actId="20577"/>
          <ac:spMkLst>
            <pc:docMk/>
            <pc:sldMk cId="3676948722" sldId="309"/>
            <ac:spMk id="23" creationId="{D76FCF74-AD35-4C4F-9593-7D7059972FA3}"/>
          </ac:spMkLst>
        </pc:spChg>
        <pc:spChg chg="mod">
          <ac:chgData name="FUNG, Ka Chun Tim [Student]" userId="S::18059161d@connect.polyu.hk::59ec9a4b-e42f-4c79-9d8e-09d547616725" providerId="AD" clId="Web-{5125E5A5-1506-1123-AC3B-158D2968709F}" dt="2021-10-31T12:55:16.076" v="151" actId="1076"/>
          <ac:spMkLst>
            <pc:docMk/>
            <pc:sldMk cId="3676948722" sldId="309"/>
            <ac:spMk id="36" creationId="{28505004-C584-4283-ACA9-4544A76AEA1C}"/>
          </ac:spMkLst>
        </pc:spChg>
        <pc:spChg chg="mod">
          <ac:chgData name="FUNG, Ka Chun Tim [Student]" userId="S::18059161d@connect.polyu.hk::59ec9a4b-e42f-4c79-9d8e-09d547616725" providerId="AD" clId="Web-{5125E5A5-1506-1123-AC3B-158D2968709F}" dt="2021-10-31T13:12:27.460" v="237" actId="1076"/>
          <ac:spMkLst>
            <pc:docMk/>
            <pc:sldMk cId="3676948722" sldId="309"/>
            <ac:spMk id="37" creationId="{E820FC38-20BC-482D-8698-CE08B241C470}"/>
          </ac:spMkLst>
        </pc:spChg>
        <pc:spChg chg="del">
          <ac:chgData name="FUNG, Ka Chun Tim [Student]" userId="S::18059161d@connect.polyu.hk::59ec9a4b-e42f-4c79-9d8e-09d547616725" providerId="AD" clId="Web-{5125E5A5-1506-1123-AC3B-158D2968709F}" dt="2021-10-31T12:49:13.286" v="47"/>
          <ac:spMkLst>
            <pc:docMk/>
            <pc:sldMk cId="3676948722" sldId="309"/>
            <ac:spMk id="38" creationId="{BF717CCA-2915-4285-91D3-B7BA26E833B6}"/>
          </ac:spMkLst>
        </pc:spChg>
        <pc:spChg chg="mod">
          <ac:chgData name="FUNG, Ka Chun Tim [Student]" userId="S::18059161d@connect.polyu.hk::59ec9a4b-e42f-4c79-9d8e-09d547616725" providerId="AD" clId="Web-{5125E5A5-1506-1123-AC3B-158D2968709F}" dt="2021-10-31T13:11:19.099" v="224" actId="14100"/>
          <ac:spMkLst>
            <pc:docMk/>
            <pc:sldMk cId="3676948722" sldId="309"/>
            <ac:spMk id="39" creationId="{71784CC5-29AF-472F-BBB2-7491DF421CF8}"/>
          </ac:spMkLst>
        </pc:spChg>
        <pc:spChg chg="mod">
          <ac:chgData name="FUNG, Ka Chun Tim [Student]" userId="S::18059161d@connect.polyu.hk::59ec9a4b-e42f-4c79-9d8e-09d547616725" providerId="AD" clId="Web-{5125E5A5-1506-1123-AC3B-158D2968709F}" dt="2021-10-31T13:13:16.539" v="248" actId="14100"/>
          <ac:spMkLst>
            <pc:docMk/>
            <pc:sldMk cId="3676948722" sldId="309"/>
            <ac:spMk id="43" creationId="{A48E3E0C-EE4D-4950-99B9-276863F53D6D}"/>
          </ac:spMkLst>
        </pc:spChg>
        <pc:spChg chg="mod">
          <ac:chgData name="FUNG, Ka Chun Tim [Student]" userId="S::18059161d@connect.polyu.hk::59ec9a4b-e42f-4c79-9d8e-09d547616725" providerId="AD" clId="Web-{5125E5A5-1506-1123-AC3B-158D2968709F}" dt="2021-10-31T12:58:13.690" v="173" actId="14100"/>
          <ac:spMkLst>
            <pc:docMk/>
            <pc:sldMk cId="3676948722" sldId="309"/>
            <ac:spMk id="44" creationId="{81390FB7-A869-4044-92BB-362E381297F7}"/>
          </ac:spMkLst>
        </pc:spChg>
        <pc:spChg chg="del">
          <ac:chgData name="FUNG, Ka Chun Tim [Student]" userId="S::18059161d@connect.polyu.hk::59ec9a4b-e42f-4c79-9d8e-09d547616725" providerId="AD" clId="Web-{5125E5A5-1506-1123-AC3B-158D2968709F}" dt="2021-10-31T12:49:21.802" v="49"/>
          <ac:spMkLst>
            <pc:docMk/>
            <pc:sldMk cId="3676948722" sldId="309"/>
            <ac:spMk id="71" creationId="{BE4C1A90-40F4-4EC7-BB49-0CDB677217F4}"/>
          </ac:spMkLst>
        </pc:spChg>
        <pc:graphicFrameChg chg="mod modGraphic">
          <ac:chgData name="FUNG, Ka Chun Tim [Student]" userId="S::18059161d@connect.polyu.hk::59ec9a4b-e42f-4c79-9d8e-09d547616725" providerId="AD" clId="Web-{5125E5A5-1506-1123-AC3B-158D2968709F}" dt="2021-10-31T13:09:06.455" v="205"/>
          <ac:graphicFrameMkLst>
            <pc:docMk/>
            <pc:sldMk cId="3676948722" sldId="309"/>
            <ac:graphicFrameMk id="2" creationId="{BDF47525-78B1-48E8-A41E-D2E22CF5BEB2}"/>
          </ac:graphicFrameMkLst>
        </pc:graphicFrameChg>
      </pc:sldChg>
      <pc:sldChg chg="add replId">
        <pc:chgData name="FUNG, Ka Chun Tim [Student]" userId="S::18059161d@connect.polyu.hk::59ec9a4b-e42f-4c79-9d8e-09d547616725" providerId="AD" clId="Web-{5125E5A5-1506-1123-AC3B-158D2968709F}" dt="2021-10-31T12:41:40.151" v="0"/>
        <pc:sldMkLst>
          <pc:docMk/>
          <pc:sldMk cId="3456281601" sldId="327"/>
        </pc:sldMkLst>
      </pc:sldChg>
      <pc:sldChg chg="addSp modSp add replId">
        <pc:chgData name="FUNG, Ka Chun Tim [Student]" userId="S::18059161d@connect.polyu.hk::59ec9a4b-e42f-4c79-9d8e-09d547616725" providerId="AD" clId="Web-{5125E5A5-1506-1123-AC3B-158D2968709F}" dt="2021-10-31T12:43:13.137" v="28" actId="1076"/>
        <pc:sldMkLst>
          <pc:docMk/>
          <pc:sldMk cId="2154020634" sldId="328"/>
        </pc:sldMkLst>
        <pc:picChg chg="add mod modCrop">
          <ac:chgData name="FUNG, Ka Chun Tim [Student]" userId="S::18059161d@connect.polyu.hk::59ec9a4b-e42f-4c79-9d8e-09d547616725" providerId="AD" clId="Web-{5125E5A5-1506-1123-AC3B-158D2968709F}" dt="2021-10-31T12:43:03.653" v="26" actId="1076"/>
          <ac:picMkLst>
            <pc:docMk/>
            <pc:sldMk cId="2154020634" sldId="328"/>
            <ac:picMk id="2" creationId="{9687F4DC-9145-427F-8D82-F38799250BB0}"/>
          </ac:picMkLst>
        </pc:picChg>
        <pc:picChg chg="add mod modCrop">
          <ac:chgData name="FUNG, Ka Chun Tim [Student]" userId="S::18059161d@connect.polyu.hk::59ec9a4b-e42f-4c79-9d8e-09d547616725" providerId="AD" clId="Web-{5125E5A5-1506-1123-AC3B-158D2968709F}" dt="2021-10-31T12:42:59.778" v="25" actId="1076"/>
          <ac:picMkLst>
            <pc:docMk/>
            <pc:sldMk cId="2154020634" sldId="328"/>
            <ac:picMk id="3" creationId="{AEBC5784-EB44-49AE-A639-1C8411205305}"/>
          </ac:picMkLst>
        </pc:picChg>
        <pc:picChg chg="add mod">
          <ac:chgData name="FUNG, Ka Chun Tim [Student]" userId="S::18059161d@connect.polyu.hk::59ec9a4b-e42f-4c79-9d8e-09d547616725" providerId="AD" clId="Web-{5125E5A5-1506-1123-AC3B-158D2968709F}" dt="2021-10-31T12:43:13.137" v="28" actId="1076"/>
          <ac:picMkLst>
            <pc:docMk/>
            <pc:sldMk cId="2154020634" sldId="328"/>
            <ac:picMk id="4" creationId="{4918CFDD-793C-46D7-8562-355650EF0B47}"/>
          </ac:picMkLst>
        </pc:picChg>
      </pc:sldChg>
    </pc:docChg>
  </pc:docChgLst>
  <pc:docChgLst>
    <pc:chgData name="CHEUNG, Hiu Ching Athena [Student]" userId="03cc0922-5853-4d01-aac9-cbffaf26e9d9" providerId="ADAL" clId="{4352335C-1CDF-C148-BA9C-A1324364E7BA}"/>
    <pc:docChg chg="modSld">
      <pc:chgData name="CHEUNG, Hiu Ching Athena [Student]" userId="03cc0922-5853-4d01-aac9-cbffaf26e9d9" providerId="ADAL" clId="{4352335C-1CDF-C148-BA9C-A1324364E7BA}" dt="2021-10-04T03:42:23.498" v="11" actId="14100"/>
      <pc:docMkLst>
        <pc:docMk/>
      </pc:docMkLst>
      <pc:sldChg chg="addSp modSp">
        <pc:chgData name="CHEUNG, Hiu Ching Athena [Student]" userId="03cc0922-5853-4d01-aac9-cbffaf26e9d9" providerId="ADAL" clId="{4352335C-1CDF-C148-BA9C-A1324364E7BA}" dt="2021-10-04T03:42:23.498" v="11" actId="14100"/>
        <pc:sldMkLst>
          <pc:docMk/>
          <pc:sldMk cId="3945810521" sldId="311"/>
        </pc:sldMkLst>
        <pc:picChg chg="add mod">
          <ac:chgData name="CHEUNG, Hiu Ching Athena [Student]" userId="03cc0922-5853-4d01-aac9-cbffaf26e9d9" providerId="ADAL" clId="{4352335C-1CDF-C148-BA9C-A1324364E7BA}" dt="2021-10-04T03:42:21.516" v="10" actId="1076"/>
          <ac:picMkLst>
            <pc:docMk/>
            <pc:sldMk cId="3945810521" sldId="311"/>
            <ac:picMk id="3" creationId="{E871E1CD-650A-2E4B-92C9-A1480129DF6C}"/>
          </ac:picMkLst>
        </pc:picChg>
        <pc:picChg chg="mod">
          <ac:chgData name="CHEUNG, Hiu Ching Athena [Student]" userId="03cc0922-5853-4d01-aac9-cbffaf26e9d9" providerId="ADAL" clId="{4352335C-1CDF-C148-BA9C-A1324364E7BA}" dt="2021-10-04T03:42:23.498" v="11" actId="14100"/>
          <ac:picMkLst>
            <pc:docMk/>
            <pc:sldMk cId="3945810521" sldId="311"/>
            <ac:picMk id="4" creationId="{2781F25E-3718-8A44-A65B-4BC1AA475B78}"/>
          </ac:picMkLst>
        </pc:picChg>
      </pc:sldChg>
    </pc:docChg>
  </pc:docChgLst>
  <pc:docChgLst>
    <pc:chgData name="CHEUNG, Hiu Ching Athena [Student]" userId="03cc0922-5853-4d01-aac9-cbffaf26e9d9" providerId="ADAL" clId="{5754D399-F75C-4EF6-8CD4-B9479614D3E2}"/>
    <pc:docChg chg="undo custSel addSld delSld modSld sldOrd">
      <pc:chgData name="CHEUNG, Hiu Ching Athena [Student]" userId="03cc0922-5853-4d01-aac9-cbffaf26e9d9" providerId="ADAL" clId="{5754D399-F75C-4EF6-8CD4-B9479614D3E2}" dt="2021-11-01T05:13:33.277" v="4064" actId="1076"/>
      <pc:docMkLst>
        <pc:docMk/>
      </pc:docMkLst>
      <pc:sldChg chg="ord">
        <pc:chgData name="CHEUNG, Hiu Ching Athena [Student]" userId="03cc0922-5853-4d01-aac9-cbffaf26e9d9" providerId="ADAL" clId="{5754D399-F75C-4EF6-8CD4-B9479614D3E2}" dt="2021-10-26T14:24:40.616" v="0" actId="20578"/>
        <pc:sldMkLst>
          <pc:docMk/>
          <pc:sldMk cId="0" sldId="256"/>
        </pc:sldMkLst>
      </pc:sldChg>
      <pc:sldChg chg="addSp delSp modSp mod">
        <pc:chgData name="CHEUNG, Hiu Ching Athena [Student]" userId="03cc0922-5853-4d01-aac9-cbffaf26e9d9" providerId="ADAL" clId="{5754D399-F75C-4EF6-8CD4-B9479614D3E2}" dt="2021-10-28T11:34:27.364" v="302" actId="1076"/>
        <pc:sldMkLst>
          <pc:docMk/>
          <pc:sldMk cId="0" sldId="258"/>
        </pc:sldMkLst>
        <pc:spChg chg="add del mod">
          <ac:chgData name="CHEUNG, Hiu Ching Athena [Student]" userId="03cc0922-5853-4d01-aac9-cbffaf26e9d9" providerId="ADAL" clId="{5754D399-F75C-4EF6-8CD4-B9479614D3E2}" dt="2021-10-28T11:33:36.521" v="293" actId="478"/>
          <ac:spMkLst>
            <pc:docMk/>
            <pc:sldMk cId="0" sldId="258"/>
            <ac:spMk id="3" creationId="{21674D75-9F21-4453-A0AF-A318E690AC36}"/>
          </ac:spMkLst>
        </pc:spChg>
        <pc:spChg chg="add del mod">
          <ac:chgData name="CHEUNG, Hiu Ching Athena [Student]" userId="03cc0922-5853-4d01-aac9-cbffaf26e9d9" providerId="ADAL" clId="{5754D399-F75C-4EF6-8CD4-B9479614D3E2}" dt="2021-10-28T11:33:43.313" v="296" actId="478"/>
          <ac:spMkLst>
            <pc:docMk/>
            <pc:sldMk cId="0" sldId="258"/>
            <ac:spMk id="5" creationId="{0CE6C9F6-CF19-4782-8C63-C968E7FFB84B}"/>
          </ac:spMkLst>
        </pc:spChg>
        <pc:spChg chg="mod">
          <ac:chgData name="CHEUNG, Hiu Ching Athena [Student]" userId="03cc0922-5853-4d01-aac9-cbffaf26e9d9" providerId="ADAL" clId="{5754D399-F75C-4EF6-8CD4-B9479614D3E2}" dt="2021-10-28T11:34:27.364" v="302" actId="1076"/>
          <ac:spMkLst>
            <pc:docMk/>
            <pc:sldMk cId="0" sldId="258"/>
            <ac:spMk id="204" creationId="{00000000-0000-0000-0000-000000000000}"/>
          </ac:spMkLst>
        </pc:spChg>
        <pc:spChg chg="mod">
          <ac:chgData name="CHEUNG, Hiu Ching Athena [Student]" userId="03cc0922-5853-4d01-aac9-cbffaf26e9d9" providerId="ADAL" clId="{5754D399-F75C-4EF6-8CD4-B9479614D3E2}" dt="2021-10-28T11:34:27.364" v="302" actId="1076"/>
          <ac:spMkLst>
            <pc:docMk/>
            <pc:sldMk cId="0" sldId="258"/>
            <ac:spMk id="205" creationId="{00000000-0000-0000-0000-000000000000}"/>
          </ac:spMkLst>
        </pc:spChg>
        <pc:spChg chg="mod">
          <ac:chgData name="CHEUNG, Hiu Ching Athena [Student]" userId="03cc0922-5853-4d01-aac9-cbffaf26e9d9" providerId="ADAL" clId="{5754D399-F75C-4EF6-8CD4-B9479614D3E2}" dt="2021-10-28T11:34:27.364" v="302" actId="1076"/>
          <ac:spMkLst>
            <pc:docMk/>
            <pc:sldMk cId="0" sldId="258"/>
            <ac:spMk id="206" creationId="{00000000-0000-0000-0000-000000000000}"/>
          </ac:spMkLst>
        </pc:spChg>
        <pc:spChg chg="mod">
          <ac:chgData name="CHEUNG, Hiu Ching Athena [Student]" userId="03cc0922-5853-4d01-aac9-cbffaf26e9d9" providerId="ADAL" clId="{5754D399-F75C-4EF6-8CD4-B9479614D3E2}" dt="2021-10-28T11:34:27.364" v="302" actId="1076"/>
          <ac:spMkLst>
            <pc:docMk/>
            <pc:sldMk cId="0" sldId="258"/>
            <ac:spMk id="207" creationId="{00000000-0000-0000-0000-000000000000}"/>
          </ac:spMkLst>
        </pc:spChg>
        <pc:spChg chg="mod">
          <ac:chgData name="CHEUNG, Hiu Ching Athena [Student]" userId="03cc0922-5853-4d01-aac9-cbffaf26e9d9" providerId="ADAL" clId="{5754D399-F75C-4EF6-8CD4-B9479614D3E2}" dt="2021-10-28T11:34:27.364" v="302" actId="1076"/>
          <ac:spMkLst>
            <pc:docMk/>
            <pc:sldMk cId="0" sldId="258"/>
            <ac:spMk id="208" creationId="{00000000-0000-0000-0000-000000000000}"/>
          </ac:spMkLst>
        </pc:spChg>
        <pc:spChg chg="mod">
          <ac:chgData name="CHEUNG, Hiu Ching Athena [Student]" userId="03cc0922-5853-4d01-aac9-cbffaf26e9d9" providerId="ADAL" clId="{5754D399-F75C-4EF6-8CD4-B9479614D3E2}" dt="2021-10-28T11:34:27.364" v="302" actId="1076"/>
          <ac:spMkLst>
            <pc:docMk/>
            <pc:sldMk cId="0" sldId="258"/>
            <ac:spMk id="209" creationId="{00000000-0000-0000-0000-000000000000}"/>
          </ac:spMkLst>
        </pc:spChg>
        <pc:spChg chg="mod">
          <ac:chgData name="CHEUNG, Hiu Ching Athena [Student]" userId="03cc0922-5853-4d01-aac9-cbffaf26e9d9" providerId="ADAL" clId="{5754D399-F75C-4EF6-8CD4-B9479614D3E2}" dt="2021-10-28T11:34:07.287" v="299" actId="20577"/>
          <ac:spMkLst>
            <pc:docMk/>
            <pc:sldMk cId="0" sldId="258"/>
            <ac:spMk id="210" creationId="{00000000-0000-0000-0000-000000000000}"/>
          </ac:spMkLst>
        </pc:spChg>
        <pc:spChg chg="mod">
          <ac:chgData name="CHEUNG, Hiu Ching Athena [Student]" userId="03cc0922-5853-4d01-aac9-cbffaf26e9d9" providerId="ADAL" clId="{5754D399-F75C-4EF6-8CD4-B9479614D3E2}" dt="2021-10-28T11:34:27.364" v="302" actId="1076"/>
          <ac:spMkLst>
            <pc:docMk/>
            <pc:sldMk cId="0" sldId="258"/>
            <ac:spMk id="211" creationId="{00000000-0000-0000-0000-000000000000}"/>
          </ac:spMkLst>
        </pc:spChg>
        <pc:spChg chg="mod">
          <ac:chgData name="CHEUNG, Hiu Ching Athena [Student]" userId="03cc0922-5853-4d01-aac9-cbffaf26e9d9" providerId="ADAL" clId="{5754D399-F75C-4EF6-8CD4-B9479614D3E2}" dt="2021-10-28T11:34:27.364" v="302" actId="1076"/>
          <ac:spMkLst>
            <pc:docMk/>
            <pc:sldMk cId="0" sldId="258"/>
            <ac:spMk id="212" creationId="{00000000-0000-0000-0000-000000000000}"/>
          </ac:spMkLst>
        </pc:spChg>
        <pc:spChg chg="mod">
          <ac:chgData name="CHEUNG, Hiu Ching Athena [Student]" userId="03cc0922-5853-4d01-aac9-cbffaf26e9d9" providerId="ADAL" clId="{5754D399-F75C-4EF6-8CD4-B9479614D3E2}" dt="2021-10-28T11:34:27.364" v="302" actId="1076"/>
          <ac:spMkLst>
            <pc:docMk/>
            <pc:sldMk cId="0" sldId="258"/>
            <ac:spMk id="213" creationId="{00000000-0000-0000-0000-000000000000}"/>
          </ac:spMkLst>
        </pc:spChg>
        <pc:spChg chg="del">
          <ac:chgData name="CHEUNG, Hiu Ching Athena [Student]" userId="03cc0922-5853-4d01-aac9-cbffaf26e9d9" providerId="ADAL" clId="{5754D399-F75C-4EF6-8CD4-B9479614D3E2}" dt="2021-10-28T11:33:39.573" v="294" actId="478"/>
          <ac:spMkLst>
            <pc:docMk/>
            <pc:sldMk cId="0" sldId="258"/>
            <ac:spMk id="214" creationId="{00000000-0000-0000-0000-000000000000}"/>
          </ac:spMkLst>
        </pc:spChg>
        <pc:spChg chg="del">
          <ac:chgData name="CHEUNG, Hiu Ching Athena [Student]" userId="03cc0922-5853-4d01-aac9-cbffaf26e9d9" providerId="ADAL" clId="{5754D399-F75C-4EF6-8CD4-B9479614D3E2}" dt="2021-10-28T11:33:41.306" v="295" actId="478"/>
          <ac:spMkLst>
            <pc:docMk/>
            <pc:sldMk cId="0" sldId="258"/>
            <ac:spMk id="215" creationId="{00000000-0000-0000-0000-000000000000}"/>
          </ac:spMkLst>
        </pc:spChg>
        <pc:spChg chg="del">
          <ac:chgData name="CHEUNG, Hiu Ching Athena [Student]" userId="03cc0922-5853-4d01-aac9-cbffaf26e9d9" providerId="ADAL" clId="{5754D399-F75C-4EF6-8CD4-B9479614D3E2}" dt="2021-10-28T11:33:34.617" v="292" actId="478"/>
          <ac:spMkLst>
            <pc:docMk/>
            <pc:sldMk cId="0" sldId="258"/>
            <ac:spMk id="216" creationId="{00000000-0000-0000-0000-000000000000}"/>
          </ac:spMkLst>
        </pc:spChg>
      </pc:sldChg>
      <pc:sldChg chg="delSp modSp mod">
        <pc:chgData name="CHEUNG, Hiu Ching Athena [Student]" userId="03cc0922-5853-4d01-aac9-cbffaf26e9d9" providerId="ADAL" clId="{5754D399-F75C-4EF6-8CD4-B9479614D3E2}" dt="2021-10-28T11:55:08.152" v="493" actId="478"/>
        <pc:sldMkLst>
          <pc:docMk/>
          <pc:sldMk cId="0" sldId="263"/>
        </pc:sldMkLst>
        <pc:spChg chg="mod">
          <ac:chgData name="CHEUNG, Hiu Ching Athena [Student]" userId="03cc0922-5853-4d01-aac9-cbffaf26e9d9" providerId="ADAL" clId="{5754D399-F75C-4EF6-8CD4-B9479614D3E2}" dt="2021-10-28T11:55:06.117" v="492" actId="14100"/>
          <ac:spMkLst>
            <pc:docMk/>
            <pc:sldMk cId="0" sldId="263"/>
            <ac:spMk id="359" creationId="{00000000-0000-0000-0000-000000000000}"/>
          </ac:spMkLst>
        </pc:spChg>
        <pc:spChg chg="del mod">
          <ac:chgData name="CHEUNG, Hiu Ching Athena [Student]" userId="03cc0922-5853-4d01-aac9-cbffaf26e9d9" providerId="ADAL" clId="{5754D399-F75C-4EF6-8CD4-B9479614D3E2}" dt="2021-10-28T11:55:08.152" v="493" actId="478"/>
          <ac:spMkLst>
            <pc:docMk/>
            <pc:sldMk cId="0" sldId="263"/>
            <ac:spMk id="360" creationId="{00000000-0000-0000-0000-000000000000}"/>
          </ac:spMkLst>
        </pc:spChg>
      </pc:sldChg>
      <pc:sldChg chg="addSp delSp modSp mod">
        <pc:chgData name="CHEUNG, Hiu Ching Athena [Student]" userId="03cc0922-5853-4d01-aac9-cbffaf26e9d9" providerId="ADAL" clId="{5754D399-F75C-4EF6-8CD4-B9479614D3E2}" dt="2021-10-28T11:55:01.345" v="491" actId="478"/>
        <pc:sldMkLst>
          <pc:docMk/>
          <pc:sldMk cId="3277186160" sldId="296"/>
        </pc:sldMkLst>
        <pc:spChg chg="add del mod">
          <ac:chgData name="CHEUNG, Hiu Ching Athena [Student]" userId="03cc0922-5853-4d01-aac9-cbffaf26e9d9" providerId="ADAL" clId="{5754D399-F75C-4EF6-8CD4-B9479614D3E2}" dt="2021-10-28T11:55:01.345" v="491" actId="478"/>
          <ac:spMkLst>
            <pc:docMk/>
            <pc:sldMk cId="3277186160" sldId="296"/>
            <ac:spMk id="3" creationId="{72625BFB-76CF-40FD-818C-872B828BB2AA}"/>
          </ac:spMkLst>
        </pc:spChg>
        <pc:spChg chg="mod">
          <ac:chgData name="CHEUNG, Hiu Ching Athena [Student]" userId="03cc0922-5853-4d01-aac9-cbffaf26e9d9" providerId="ADAL" clId="{5754D399-F75C-4EF6-8CD4-B9479614D3E2}" dt="2021-10-28T11:54:02.943" v="465" actId="20577"/>
          <ac:spMkLst>
            <pc:docMk/>
            <pc:sldMk cId="3277186160" sldId="296"/>
            <ac:spMk id="359" creationId="{00000000-0000-0000-0000-000000000000}"/>
          </ac:spMkLst>
        </pc:spChg>
        <pc:spChg chg="del mod">
          <ac:chgData name="CHEUNG, Hiu Ching Athena [Student]" userId="03cc0922-5853-4d01-aac9-cbffaf26e9d9" providerId="ADAL" clId="{5754D399-F75C-4EF6-8CD4-B9479614D3E2}" dt="2021-10-28T11:54:58.813" v="490" actId="478"/>
          <ac:spMkLst>
            <pc:docMk/>
            <pc:sldMk cId="3277186160" sldId="296"/>
            <ac:spMk id="360" creationId="{00000000-0000-0000-0000-000000000000}"/>
          </ac:spMkLst>
        </pc:spChg>
      </pc:sldChg>
      <pc:sldChg chg="addSp delSp modSp mod">
        <pc:chgData name="CHEUNG, Hiu Ching Athena [Student]" userId="03cc0922-5853-4d01-aac9-cbffaf26e9d9" providerId="ADAL" clId="{5754D399-F75C-4EF6-8CD4-B9479614D3E2}" dt="2021-10-28T11:58:06.784" v="570" actId="478"/>
        <pc:sldMkLst>
          <pc:docMk/>
          <pc:sldMk cId="677456615" sldId="297"/>
        </pc:sldMkLst>
        <pc:spChg chg="add del mod">
          <ac:chgData name="CHEUNG, Hiu Ching Athena [Student]" userId="03cc0922-5853-4d01-aac9-cbffaf26e9d9" providerId="ADAL" clId="{5754D399-F75C-4EF6-8CD4-B9479614D3E2}" dt="2021-10-28T11:58:06.784" v="570" actId="478"/>
          <ac:spMkLst>
            <pc:docMk/>
            <pc:sldMk cId="677456615" sldId="297"/>
            <ac:spMk id="3" creationId="{E3DEA906-73AD-4A40-9F78-BEB4B5EC458E}"/>
          </ac:spMkLst>
        </pc:spChg>
        <pc:spChg chg="mod">
          <ac:chgData name="CHEUNG, Hiu Ching Athena [Student]" userId="03cc0922-5853-4d01-aac9-cbffaf26e9d9" providerId="ADAL" clId="{5754D399-F75C-4EF6-8CD4-B9479614D3E2}" dt="2021-10-28T11:58:00.751" v="568" actId="20577"/>
          <ac:spMkLst>
            <pc:docMk/>
            <pc:sldMk cId="677456615" sldId="297"/>
            <ac:spMk id="359" creationId="{00000000-0000-0000-0000-000000000000}"/>
          </ac:spMkLst>
        </pc:spChg>
        <pc:spChg chg="del">
          <ac:chgData name="CHEUNG, Hiu Ching Athena [Student]" userId="03cc0922-5853-4d01-aac9-cbffaf26e9d9" providerId="ADAL" clId="{5754D399-F75C-4EF6-8CD4-B9479614D3E2}" dt="2021-10-28T11:58:04.415" v="569" actId="478"/>
          <ac:spMkLst>
            <pc:docMk/>
            <pc:sldMk cId="677456615" sldId="297"/>
            <ac:spMk id="360" creationId="{00000000-0000-0000-0000-000000000000}"/>
          </ac:spMkLst>
        </pc:spChg>
      </pc:sldChg>
      <pc:sldChg chg="del">
        <pc:chgData name="CHEUNG, Hiu Ching Athena [Student]" userId="03cc0922-5853-4d01-aac9-cbffaf26e9d9" providerId="ADAL" clId="{5754D399-F75C-4EF6-8CD4-B9479614D3E2}" dt="2021-10-28T11:58:32.590" v="571" actId="47"/>
        <pc:sldMkLst>
          <pc:docMk/>
          <pc:sldMk cId="4240448844" sldId="298"/>
        </pc:sldMkLst>
      </pc:sldChg>
      <pc:sldChg chg="addSp delSp modSp mod">
        <pc:chgData name="CHEUNG, Hiu Ching Athena [Student]" userId="03cc0922-5853-4d01-aac9-cbffaf26e9d9" providerId="ADAL" clId="{5754D399-F75C-4EF6-8CD4-B9479614D3E2}" dt="2021-10-28T11:53:26.129" v="431" actId="478"/>
        <pc:sldMkLst>
          <pc:docMk/>
          <pc:sldMk cId="941444539" sldId="299"/>
        </pc:sldMkLst>
        <pc:spChg chg="add del mod">
          <ac:chgData name="CHEUNG, Hiu Ching Athena [Student]" userId="03cc0922-5853-4d01-aac9-cbffaf26e9d9" providerId="ADAL" clId="{5754D399-F75C-4EF6-8CD4-B9479614D3E2}" dt="2021-10-28T11:53:03.560" v="410" actId="478"/>
          <ac:spMkLst>
            <pc:docMk/>
            <pc:sldMk cId="941444539" sldId="299"/>
            <ac:spMk id="3" creationId="{A71EBFB9-5571-4D01-87BA-B5D8996CD99C}"/>
          </ac:spMkLst>
        </pc:spChg>
        <pc:spChg chg="add mod">
          <ac:chgData name="CHEUNG, Hiu Ching Athena [Student]" userId="03cc0922-5853-4d01-aac9-cbffaf26e9d9" providerId="ADAL" clId="{5754D399-F75C-4EF6-8CD4-B9479614D3E2}" dt="2021-10-28T11:53:22.583" v="430" actId="20577"/>
          <ac:spMkLst>
            <pc:docMk/>
            <pc:sldMk cId="941444539" sldId="299"/>
            <ac:spMk id="8" creationId="{9046F948-9F0A-41AA-BB73-A9D296B66A93}"/>
          </ac:spMkLst>
        </pc:spChg>
        <pc:spChg chg="del">
          <ac:chgData name="CHEUNG, Hiu Ching Athena [Student]" userId="03cc0922-5853-4d01-aac9-cbffaf26e9d9" providerId="ADAL" clId="{5754D399-F75C-4EF6-8CD4-B9479614D3E2}" dt="2021-10-28T11:53:26.129" v="431" actId="478"/>
          <ac:spMkLst>
            <pc:docMk/>
            <pc:sldMk cId="941444539" sldId="299"/>
            <ac:spMk id="16" creationId="{160F6E03-22BB-48F7-AF93-AC84700AA67F}"/>
          </ac:spMkLst>
        </pc:spChg>
        <pc:spChg chg="del">
          <ac:chgData name="CHEUNG, Hiu Ching Athena [Student]" userId="03cc0922-5853-4d01-aac9-cbffaf26e9d9" providerId="ADAL" clId="{5754D399-F75C-4EF6-8CD4-B9479614D3E2}" dt="2021-10-28T11:53:00.226" v="408" actId="478"/>
          <ac:spMkLst>
            <pc:docMk/>
            <pc:sldMk cId="941444539" sldId="299"/>
            <ac:spMk id="298" creationId="{00000000-0000-0000-0000-000000000000}"/>
          </ac:spMkLst>
        </pc:spChg>
      </pc:sldChg>
      <pc:sldChg chg="addSp delSp modSp mod">
        <pc:chgData name="CHEUNG, Hiu Ching Athena [Student]" userId="03cc0922-5853-4d01-aac9-cbffaf26e9d9" providerId="ADAL" clId="{5754D399-F75C-4EF6-8CD4-B9479614D3E2}" dt="2021-10-31T15:02:36.249" v="1750" actId="1076"/>
        <pc:sldMkLst>
          <pc:docMk/>
          <pc:sldMk cId="499293948" sldId="304"/>
        </pc:sldMkLst>
        <pc:spChg chg="del">
          <ac:chgData name="CHEUNG, Hiu Ching Athena [Student]" userId="03cc0922-5853-4d01-aac9-cbffaf26e9d9" providerId="ADAL" clId="{5754D399-F75C-4EF6-8CD4-B9479614D3E2}" dt="2021-10-28T11:52:35.617" v="402" actId="478"/>
          <ac:spMkLst>
            <pc:docMk/>
            <pc:sldMk cId="499293948" sldId="304"/>
            <ac:spMk id="16" creationId="{160F6E03-22BB-48F7-AF93-AC84700AA67F}"/>
          </ac:spMkLst>
        </pc:spChg>
        <pc:spChg chg="mod">
          <ac:chgData name="CHEUNG, Hiu Ching Athena [Student]" userId="03cc0922-5853-4d01-aac9-cbffaf26e9d9" providerId="ADAL" clId="{5754D399-F75C-4EF6-8CD4-B9479614D3E2}" dt="2021-10-28T11:51:33.572" v="399" actId="20577"/>
          <ac:spMkLst>
            <pc:docMk/>
            <pc:sldMk cId="499293948" sldId="304"/>
            <ac:spMk id="298" creationId="{00000000-0000-0000-0000-000000000000}"/>
          </ac:spMkLst>
        </pc:spChg>
        <pc:picChg chg="add mod">
          <ac:chgData name="CHEUNG, Hiu Ching Athena [Student]" userId="03cc0922-5853-4d01-aac9-cbffaf26e9d9" providerId="ADAL" clId="{5754D399-F75C-4EF6-8CD4-B9479614D3E2}" dt="2021-10-31T15:02:13.178" v="1737" actId="1076"/>
          <ac:picMkLst>
            <pc:docMk/>
            <pc:sldMk cId="499293948" sldId="304"/>
            <ac:picMk id="3" creationId="{CB32B2E9-08AD-4BAC-9260-CE257369BF1C}"/>
          </ac:picMkLst>
        </pc:picChg>
        <pc:picChg chg="add mod modCrop">
          <ac:chgData name="CHEUNG, Hiu Ching Athena [Student]" userId="03cc0922-5853-4d01-aac9-cbffaf26e9d9" providerId="ADAL" clId="{5754D399-F75C-4EF6-8CD4-B9479614D3E2}" dt="2021-10-31T15:02:20.521" v="1741" actId="1076"/>
          <ac:picMkLst>
            <pc:docMk/>
            <pc:sldMk cId="499293948" sldId="304"/>
            <ac:picMk id="4" creationId="{48DCC713-6642-4402-AEEB-626D3272A157}"/>
          </ac:picMkLst>
        </pc:picChg>
        <pc:picChg chg="add del mod">
          <ac:chgData name="CHEUNG, Hiu Ching Athena [Student]" userId="03cc0922-5853-4d01-aac9-cbffaf26e9d9" providerId="ADAL" clId="{5754D399-F75C-4EF6-8CD4-B9479614D3E2}" dt="2021-10-29T09:31:47.868" v="761" actId="21"/>
          <ac:picMkLst>
            <pc:docMk/>
            <pc:sldMk cId="499293948" sldId="304"/>
            <ac:picMk id="4" creationId="{6174034C-B0E6-45B9-8799-E6C5564DE740}"/>
          </ac:picMkLst>
        </pc:picChg>
        <pc:picChg chg="del">
          <ac:chgData name="CHEUNG, Hiu Ching Athena [Student]" userId="03cc0922-5853-4d01-aac9-cbffaf26e9d9" providerId="ADAL" clId="{5754D399-F75C-4EF6-8CD4-B9479614D3E2}" dt="2021-10-28T11:52:32.224" v="400" actId="478"/>
          <ac:picMkLst>
            <pc:docMk/>
            <pc:sldMk cId="499293948" sldId="304"/>
            <ac:picMk id="4" creationId="{7BCB1523-4787-4AB2-849F-37B9A5E4B35C}"/>
          </ac:picMkLst>
        </pc:picChg>
        <pc:picChg chg="add del mod modCrop">
          <ac:chgData name="CHEUNG, Hiu Ching Athena [Student]" userId="03cc0922-5853-4d01-aac9-cbffaf26e9d9" providerId="ADAL" clId="{5754D399-F75C-4EF6-8CD4-B9479614D3E2}" dt="2021-10-31T15:01:41.028" v="1726" actId="478"/>
          <ac:picMkLst>
            <pc:docMk/>
            <pc:sldMk cId="499293948" sldId="304"/>
            <ac:picMk id="6" creationId="{227AE040-2ECF-4B0D-8E9C-14D7E26C5F1B}"/>
          </ac:picMkLst>
        </pc:picChg>
        <pc:picChg chg="add del mod modCrop">
          <ac:chgData name="CHEUNG, Hiu Ching Athena [Student]" userId="03cc0922-5853-4d01-aac9-cbffaf26e9d9" providerId="ADAL" clId="{5754D399-F75C-4EF6-8CD4-B9479614D3E2}" dt="2021-10-31T15:01:53.646" v="1729" actId="21"/>
          <ac:picMkLst>
            <pc:docMk/>
            <pc:sldMk cId="499293948" sldId="304"/>
            <ac:picMk id="8" creationId="{A06269C4-97BB-49CB-8672-0C0ACC5C98B2}"/>
          </ac:picMkLst>
        </pc:picChg>
        <pc:picChg chg="add del mod modCrop">
          <ac:chgData name="CHEUNG, Hiu Ching Athena [Student]" userId="03cc0922-5853-4d01-aac9-cbffaf26e9d9" providerId="ADAL" clId="{5754D399-F75C-4EF6-8CD4-B9479614D3E2}" dt="2021-10-31T15:01:53.646" v="1729" actId="21"/>
          <ac:picMkLst>
            <pc:docMk/>
            <pc:sldMk cId="499293948" sldId="304"/>
            <ac:picMk id="10" creationId="{AD78D6A1-F941-432F-8BB5-92019312DD8F}"/>
          </ac:picMkLst>
        </pc:picChg>
        <pc:picChg chg="add mod">
          <ac:chgData name="CHEUNG, Hiu Ching Athena [Student]" userId="03cc0922-5853-4d01-aac9-cbffaf26e9d9" providerId="ADAL" clId="{5754D399-F75C-4EF6-8CD4-B9479614D3E2}" dt="2021-10-31T15:02:36.249" v="1750" actId="1076"/>
          <ac:picMkLst>
            <pc:docMk/>
            <pc:sldMk cId="499293948" sldId="304"/>
            <ac:picMk id="12" creationId="{407A9085-6BE8-44DB-88F5-84E2B8FF8E48}"/>
          </ac:picMkLst>
        </pc:picChg>
        <pc:cxnChg chg="del mod">
          <ac:chgData name="CHEUNG, Hiu Ching Athena [Student]" userId="03cc0922-5853-4d01-aac9-cbffaf26e9d9" providerId="ADAL" clId="{5754D399-F75C-4EF6-8CD4-B9479614D3E2}" dt="2021-10-28T11:52:33.213" v="401" actId="478"/>
          <ac:cxnSpMkLst>
            <pc:docMk/>
            <pc:sldMk cId="499293948" sldId="304"/>
            <ac:cxnSpMk id="5" creationId="{ABBA06B0-FD7F-4CB8-A233-B326233BC992}"/>
          </ac:cxnSpMkLst>
        </pc:cxnChg>
      </pc:sldChg>
      <pc:sldChg chg="addSp delSp modSp mod">
        <pc:chgData name="CHEUNG, Hiu Ching Athena [Student]" userId="03cc0922-5853-4d01-aac9-cbffaf26e9d9" providerId="ADAL" clId="{5754D399-F75C-4EF6-8CD4-B9479614D3E2}" dt="2021-10-31T20:44:09.515" v="3973" actId="1076"/>
        <pc:sldMkLst>
          <pc:docMk/>
          <pc:sldMk cId="2876942652" sldId="306"/>
        </pc:sldMkLst>
        <pc:spChg chg="add mod">
          <ac:chgData name="CHEUNG, Hiu Ching Athena [Student]" userId="03cc0922-5853-4d01-aac9-cbffaf26e9d9" providerId="ADAL" clId="{5754D399-F75C-4EF6-8CD4-B9479614D3E2}" dt="2021-10-31T20:35:29.522" v="3923" actId="14100"/>
          <ac:spMkLst>
            <pc:docMk/>
            <pc:sldMk cId="2876942652" sldId="306"/>
            <ac:spMk id="2" creationId="{A86B5722-A690-4353-AA7F-2A6234B4A6E3}"/>
          </ac:spMkLst>
        </pc:spChg>
        <pc:spChg chg="add">
          <ac:chgData name="CHEUNG, Hiu Ching Athena [Student]" userId="03cc0922-5853-4d01-aac9-cbffaf26e9d9" providerId="ADAL" clId="{5754D399-F75C-4EF6-8CD4-B9479614D3E2}" dt="2021-10-31T20:43:40.068" v="3961"/>
          <ac:spMkLst>
            <pc:docMk/>
            <pc:sldMk cId="2876942652" sldId="306"/>
            <ac:spMk id="3" creationId="{53440359-AA80-41C2-A0CB-5BE528C506A8}"/>
          </ac:spMkLst>
        </pc:spChg>
        <pc:spChg chg="del mod">
          <ac:chgData name="CHEUNG, Hiu Ching Athena [Student]" userId="03cc0922-5853-4d01-aac9-cbffaf26e9d9" providerId="ADAL" clId="{5754D399-F75C-4EF6-8CD4-B9479614D3E2}" dt="2021-10-29T11:39:52.245" v="918" actId="478"/>
          <ac:spMkLst>
            <pc:docMk/>
            <pc:sldMk cId="2876942652" sldId="306"/>
            <ac:spMk id="5" creationId="{741715E8-0599-4D4C-878C-9F93D2830F72}"/>
          </ac:spMkLst>
        </pc:spChg>
        <pc:spChg chg="mod">
          <ac:chgData name="CHEUNG, Hiu Ching Athena [Student]" userId="03cc0922-5853-4d01-aac9-cbffaf26e9d9" providerId="ADAL" clId="{5754D399-F75C-4EF6-8CD4-B9479614D3E2}" dt="2021-10-28T11:58:47.267" v="588" actId="20577"/>
          <ac:spMkLst>
            <pc:docMk/>
            <pc:sldMk cId="2876942652" sldId="306"/>
            <ac:spMk id="298" creationId="{00000000-0000-0000-0000-000000000000}"/>
          </ac:spMkLst>
        </pc:spChg>
        <pc:picChg chg="del">
          <ac:chgData name="CHEUNG, Hiu Ching Athena [Student]" userId="03cc0922-5853-4d01-aac9-cbffaf26e9d9" providerId="ADAL" clId="{5754D399-F75C-4EF6-8CD4-B9479614D3E2}" dt="2021-10-28T11:58:54.048" v="589" actId="478"/>
          <ac:picMkLst>
            <pc:docMk/>
            <pc:sldMk cId="2876942652" sldId="306"/>
            <ac:picMk id="3" creationId="{913CF5CF-1A2E-4541-8F8E-3B2C33785D1D}"/>
          </ac:picMkLst>
        </pc:picChg>
        <pc:picChg chg="del">
          <ac:chgData name="CHEUNG, Hiu Ching Athena [Student]" userId="03cc0922-5853-4d01-aac9-cbffaf26e9d9" providerId="ADAL" clId="{5754D399-F75C-4EF6-8CD4-B9479614D3E2}" dt="2021-10-28T11:58:55.013" v="591" actId="478"/>
          <ac:picMkLst>
            <pc:docMk/>
            <pc:sldMk cId="2876942652" sldId="306"/>
            <ac:picMk id="8" creationId="{E81A94CC-9720-46E9-927A-6656BA0DE1BC}"/>
          </ac:picMkLst>
        </pc:picChg>
        <pc:picChg chg="del">
          <ac:chgData name="CHEUNG, Hiu Ching Athena [Student]" userId="03cc0922-5853-4d01-aac9-cbffaf26e9d9" providerId="ADAL" clId="{5754D399-F75C-4EF6-8CD4-B9479614D3E2}" dt="2021-10-28T11:58:54.540" v="590" actId="478"/>
          <ac:picMkLst>
            <pc:docMk/>
            <pc:sldMk cId="2876942652" sldId="306"/>
            <ac:picMk id="10" creationId="{8F49B4DC-8BEE-4B7C-9BEB-DE45139536D4}"/>
          </ac:picMkLst>
        </pc:picChg>
        <pc:picChg chg="add mod">
          <ac:chgData name="CHEUNG, Hiu Ching Athena [Student]" userId="03cc0922-5853-4d01-aac9-cbffaf26e9d9" providerId="ADAL" clId="{5754D399-F75C-4EF6-8CD4-B9479614D3E2}" dt="2021-10-31T20:44:09.515" v="3973" actId="1076"/>
          <ac:picMkLst>
            <pc:docMk/>
            <pc:sldMk cId="2876942652" sldId="306"/>
            <ac:picMk id="3074" creationId="{AFECC8D3-A279-4354-94B5-9946F531CC2B}"/>
          </ac:picMkLst>
        </pc:picChg>
        <pc:picChg chg="add mod">
          <ac:chgData name="CHEUNG, Hiu Ching Athena [Student]" userId="03cc0922-5853-4d01-aac9-cbffaf26e9d9" providerId="ADAL" clId="{5754D399-F75C-4EF6-8CD4-B9479614D3E2}" dt="2021-10-31T20:44:05.352" v="3972" actId="1076"/>
          <ac:picMkLst>
            <pc:docMk/>
            <pc:sldMk cId="2876942652" sldId="306"/>
            <ac:picMk id="3078" creationId="{B25A6D24-DE02-4714-BAC7-AB3EE93735DB}"/>
          </ac:picMkLst>
        </pc:picChg>
      </pc:sldChg>
      <pc:sldChg chg="modSp mod">
        <pc:chgData name="CHEUNG, Hiu Ching Athena [Student]" userId="03cc0922-5853-4d01-aac9-cbffaf26e9d9" providerId="ADAL" clId="{5754D399-F75C-4EF6-8CD4-B9479614D3E2}" dt="2021-11-01T05:08:16.220" v="4039" actId="20577"/>
        <pc:sldMkLst>
          <pc:docMk/>
          <pc:sldMk cId="3676948722" sldId="309"/>
        </pc:sldMkLst>
        <pc:spChg chg="mod">
          <ac:chgData name="CHEUNG, Hiu Ching Athena [Student]" userId="03cc0922-5853-4d01-aac9-cbffaf26e9d9" providerId="ADAL" clId="{5754D399-F75C-4EF6-8CD4-B9479614D3E2}" dt="2021-10-31T14:28:11.049" v="1626" actId="1076"/>
          <ac:spMkLst>
            <pc:docMk/>
            <pc:sldMk cId="3676948722" sldId="309"/>
            <ac:spMk id="4" creationId="{594FB4F1-4B24-4DDC-9BFF-24A55151C627}"/>
          </ac:spMkLst>
        </pc:spChg>
        <pc:spChg chg="mod">
          <ac:chgData name="CHEUNG, Hiu Ching Athena [Student]" userId="03cc0922-5853-4d01-aac9-cbffaf26e9d9" providerId="ADAL" clId="{5754D399-F75C-4EF6-8CD4-B9479614D3E2}" dt="2021-10-31T14:28:11.049" v="1626" actId="1076"/>
          <ac:spMkLst>
            <pc:docMk/>
            <pc:sldMk cId="3676948722" sldId="309"/>
            <ac:spMk id="13" creationId="{AA54A8A4-72B4-4D48-9B03-FAD4BA100FA8}"/>
          </ac:spMkLst>
        </pc:spChg>
        <pc:spChg chg="mod">
          <ac:chgData name="CHEUNG, Hiu Ching Athena [Student]" userId="03cc0922-5853-4d01-aac9-cbffaf26e9d9" providerId="ADAL" clId="{5754D399-F75C-4EF6-8CD4-B9479614D3E2}" dt="2021-10-31T14:28:20.996" v="1627" actId="1076"/>
          <ac:spMkLst>
            <pc:docMk/>
            <pc:sldMk cId="3676948722" sldId="309"/>
            <ac:spMk id="14" creationId="{2986A655-1AE1-3D4B-8734-52AA9900E686}"/>
          </ac:spMkLst>
        </pc:spChg>
        <pc:spChg chg="mod">
          <ac:chgData name="CHEUNG, Hiu Ching Athena [Student]" userId="03cc0922-5853-4d01-aac9-cbffaf26e9d9" providerId="ADAL" clId="{5754D399-F75C-4EF6-8CD4-B9479614D3E2}" dt="2021-10-31T14:28:25.259" v="1628" actId="1076"/>
          <ac:spMkLst>
            <pc:docMk/>
            <pc:sldMk cId="3676948722" sldId="309"/>
            <ac:spMk id="15" creationId="{24A0DF97-0159-B344-B558-7FA16982E633}"/>
          </ac:spMkLst>
        </pc:spChg>
        <pc:spChg chg="mod">
          <ac:chgData name="CHEUNG, Hiu Ching Athena [Student]" userId="03cc0922-5853-4d01-aac9-cbffaf26e9d9" providerId="ADAL" clId="{5754D399-F75C-4EF6-8CD4-B9479614D3E2}" dt="2021-10-31T14:28:33.076" v="1629" actId="1076"/>
          <ac:spMkLst>
            <pc:docMk/>
            <pc:sldMk cId="3676948722" sldId="309"/>
            <ac:spMk id="16" creationId="{ABAC9CAE-6CD6-8340-BE9D-54C5734D9FFD}"/>
          </ac:spMkLst>
        </pc:spChg>
        <pc:spChg chg="mod">
          <ac:chgData name="CHEUNG, Hiu Ching Athena [Student]" userId="03cc0922-5853-4d01-aac9-cbffaf26e9d9" providerId="ADAL" clId="{5754D399-F75C-4EF6-8CD4-B9479614D3E2}" dt="2021-10-31T14:27:54.945" v="1625" actId="1076"/>
          <ac:spMkLst>
            <pc:docMk/>
            <pc:sldMk cId="3676948722" sldId="309"/>
            <ac:spMk id="18" creationId="{CB2B1F31-1714-5342-A517-38D97E19A5C8}"/>
          </ac:spMkLst>
        </pc:spChg>
        <pc:spChg chg="mod">
          <ac:chgData name="CHEUNG, Hiu Ching Athena [Student]" userId="03cc0922-5853-4d01-aac9-cbffaf26e9d9" providerId="ADAL" clId="{5754D399-F75C-4EF6-8CD4-B9479614D3E2}" dt="2021-10-31T14:27:38.279" v="1624" actId="1076"/>
          <ac:spMkLst>
            <pc:docMk/>
            <pc:sldMk cId="3676948722" sldId="309"/>
            <ac:spMk id="19" creationId="{1B0002FA-7D0E-E24A-ABE4-30904EEFE6D7}"/>
          </ac:spMkLst>
        </pc:spChg>
        <pc:spChg chg="mod">
          <ac:chgData name="CHEUNG, Hiu Ching Athena [Student]" userId="03cc0922-5853-4d01-aac9-cbffaf26e9d9" providerId="ADAL" clId="{5754D399-F75C-4EF6-8CD4-B9479614D3E2}" dt="2021-11-01T05:08:03.236" v="4038" actId="1076"/>
          <ac:spMkLst>
            <pc:docMk/>
            <pc:sldMk cId="3676948722" sldId="309"/>
            <ac:spMk id="22" creationId="{107B1BAB-81C2-40EF-8214-DB9488A13E54}"/>
          </ac:spMkLst>
        </pc:spChg>
        <pc:spChg chg="mod">
          <ac:chgData name="CHEUNG, Hiu Ching Athena [Student]" userId="03cc0922-5853-4d01-aac9-cbffaf26e9d9" providerId="ADAL" clId="{5754D399-F75C-4EF6-8CD4-B9479614D3E2}" dt="2021-11-01T05:08:03.236" v="4038" actId="1076"/>
          <ac:spMkLst>
            <pc:docMk/>
            <pc:sldMk cId="3676948722" sldId="309"/>
            <ac:spMk id="23" creationId="{D76FCF74-AD35-4C4F-9593-7D7059972FA3}"/>
          </ac:spMkLst>
        </pc:spChg>
        <pc:spChg chg="mod">
          <ac:chgData name="CHEUNG, Hiu Ching Athena [Student]" userId="03cc0922-5853-4d01-aac9-cbffaf26e9d9" providerId="ADAL" clId="{5754D399-F75C-4EF6-8CD4-B9479614D3E2}" dt="2021-10-31T14:28:20.996" v="1627" actId="1076"/>
          <ac:spMkLst>
            <pc:docMk/>
            <pc:sldMk cId="3676948722" sldId="309"/>
            <ac:spMk id="36" creationId="{28505004-C584-4283-ACA9-4544A76AEA1C}"/>
          </ac:spMkLst>
        </pc:spChg>
        <pc:spChg chg="mod">
          <ac:chgData name="CHEUNG, Hiu Ching Athena [Student]" userId="03cc0922-5853-4d01-aac9-cbffaf26e9d9" providerId="ADAL" clId="{5754D399-F75C-4EF6-8CD4-B9479614D3E2}" dt="2021-10-31T14:27:54.945" v="1625" actId="1076"/>
          <ac:spMkLst>
            <pc:docMk/>
            <pc:sldMk cId="3676948722" sldId="309"/>
            <ac:spMk id="37" creationId="{E820FC38-20BC-482D-8698-CE08B241C470}"/>
          </ac:spMkLst>
        </pc:spChg>
        <pc:spChg chg="mod">
          <ac:chgData name="CHEUNG, Hiu Ching Athena [Student]" userId="03cc0922-5853-4d01-aac9-cbffaf26e9d9" providerId="ADAL" clId="{5754D399-F75C-4EF6-8CD4-B9479614D3E2}" dt="2021-10-31T14:28:25.259" v="1628" actId="1076"/>
          <ac:spMkLst>
            <pc:docMk/>
            <pc:sldMk cId="3676948722" sldId="309"/>
            <ac:spMk id="39" creationId="{71784CC5-29AF-472F-BBB2-7491DF421CF8}"/>
          </ac:spMkLst>
        </pc:spChg>
        <pc:spChg chg="mod">
          <ac:chgData name="CHEUNG, Hiu Ching Athena [Student]" userId="03cc0922-5853-4d01-aac9-cbffaf26e9d9" providerId="ADAL" clId="{5754D399-F75C-4EF6-8CD4-B9479614D3E2}" dt="2021-10-31T14:28:33.076" v="1629" actId="1076"/>
          <ac:spMkLst>
            <pc:docMk/>
            <pc:sldMk cId="3676948722" sldId="309"/>
            <ac:spMk id="43" creationId="{A48E3E0C-EE4D-4950-99B9-276863F53D6D}"/>
          </ac:spMkLst>
        </pc:spChg>
        <pc:spChg chg="mod">
          <ac:chgData name="CHEUNG, Hiu Ching Athena [Student]" userId="03cc0922-5853-4d01-aac9-cbffaf26e9d9" providerId="ADAL" clId="{5754D399-F75C-4EF6-8CD4-B9479614D3E2}" dt="2021-10-31T14:27:33.869" v="1623" actId="1076"/>
          <ac:spMkLst>
            <pc:docMk/>
            <pc:sldMk cId="3676948722" sldId="309"/>
            <ac:spMk id="44" creationId="{81390FB7-A869-4044-92BB-362E381297F7}"/>
          </ac:spMkLst>
        </pc:spChg>
        <pc:spChg chg="mod">
          <ac:chgData name="CHEUNG, Hiu Ching Athena [Student]" userId="03cc0922-5853-4d01-aac9-cbffaf26e9d9" providerId="ADAL" clId="{5754D399-F75C-4EF6-8CD4-B9479614D3E2}" dt="2021-11-01T05:05:53.049" v="4015" actId="20577"/>
          <ac:spMkLst>
            <pc:docMk/>
            <pc:sldMk cId="3676948722" sldId="309"/>
            <ac:spMk id="298" creationId="{00000000-0000-0000-0000-000000000000}"/>
          </ac:spMkLst>
        </pc:spChg>
        <pc:graphicFrameChg chg="mod modGraphic">
          <ac:chgData name="CHEUNG, Hiu Ching Athena [Student]" userId="03cc0922-5853-4d01-aac9-cbffaf26e9d9" providerId="ADAL" clId="{5754D399-F75C-4EF6-8CD4-B9479614D3E2}" dt="2021-11-01T05:08:16.220" v="4039" actId="20577"/>
          <ac:graphicFrameMkLst>
            <pc:docMk/>
            <pc:sldMk cId="3676948722" sldId="309"/>
            <ac:graphicFrameMk id="2" creationId="{BDF47525-78B1-48E8-A41E-D2E22CF5BEB2}"/>
          </ac:graphicFrameMkLst>
        </pc:graphicFrameChg>
        <pc:cxnChg chg="mod">
          <ac:chgData name="CHEUNG, Hiu Ching Athena [Student]" userId="03cc0922-5853-4d01-aac9-cbffaf26e9d9" providerId="ADAL" clId="{5754D399-F75C-4EF6-8CD4-B9479614D3E2}" dt="2021-10-28T11:56:25.880" v="508" actId="1076"/>
          <ac:cxnSpMkLst>
            <pc:docMk/>
            <pc:sldMk cId="3676948722" sldId="309"/>
            <ac:cxnSpMk id="5" creationId="{3D722816-D3C6-40D3-83A4-F0BFE6B220B1}"/>
          </ac:cxnSpMkLst>
        </pc:cxnChg>
      </pc:sldChg>
      <pc:sldChg chg="del">
        <pc:chgData name="CHEUNG, Hiu Ching Athena [Student]" userId="03cc0922-5853-4d01-aac9-cbffaf26e9d9" providerId="ADAL" clId="{5754D399-F75C-4EF6-8CD4-B9479614D3E2}" dt="2021-10-28T11:58:32.590" v="571" actId="47"/>
        <pc:sldMkLst>
          <pc:docMk/>
          <pc:sldMk cId="3945810521" sldId="311"/>
        </pc:sldMkLst>
      </pc:sldChg>
      <pc:sldChg chg="addSp delSp modSp mod modAnim">
        <pc:chgData name="CHEUNG, Hiu Ching Athena [Student]" userId="03cc0922-5853-4d01-aac9-cbffaf26e9d9" providerId="ADAL" clId="{5754D399-F75C-4EF6-8CD4-B9479614D3E2}" dt="2021-11-01T05:13:33.277" v="4064" actId="1076"/>
        <pc:sldMkLst>
          <pc:docMk/>
          <pc:sldMk cId="2062501764" sldId="312"/>
        </pc:sldMkLst>
        <pc:spChg chg="add mod">
          <ac:chgData name="CHEUNG, Hiu Ching Athena [Student]" userId="03cc0922-5853-4d01-aac9-cbffaf26e9d9" providerId="ADAL" clId="{5754D399-F75C-4EF6-8CD4-B9479614D3E2}" dt="2021-11-01T05:13:33.277" v="4064" actId="1076"/>
          <ac:spMkLst>
            <pc:docMk/>
            <pc:sldMk cId="2062501764" sldId="312"/>
            <ac:spMk id="2" creationId="{73A25772-F141-42F1-8FFF-B7ED7E09FD18}"/>
          </ac:spMkLst>
        </pc:spChg>
        <pc:spChg chg="mod">
          <ac:chgData name="CHEUNG, Hiu Ching Athena [Student]" userId="03cc0922-5853-4d01-aac9-cbffaf26e9d9" providerId="ADAL" clId="{5754D399-F75C-4EF6-8CD4-B9479614D3E2}" dt="2021-11-01T05:07:38.700" v="4037" actId="20577"/>
          <ac:spMkLst>
            <pc:docMk/>
            <pc:sldMk cId="2062501764" sldId="312"/>
            <ac:spMk id="22" creationId="{1AC53AC4-2315-4E8E-9305-93A5CDC8ED50}"/>
          </ac:spMkLst>
        </pc:spChg>
        <pc:spChg chg="mod">
          <ac:chgData name="CHEUNG, Hiu Ching Athena [Student]" userId="03cc0922-5853-4d01-aac9-cbffaf26e9d9" providerId="ADAL" clId="{5754D399-F75C-4EF6-8CD4-B9479614D3E2}" dt="2021-10-31T14:32:46.926" v="1668" actId="20577"/>
          <ac:spMkLst>
            <pc:docMk/>
            <pc:sldMk cId="2062501764" sldId="312"/>
            <ac:spMk id="298" creationId="{00000000-0000-0000-0000-000000000000}"/>
          </ac:spMkLst>
        </pc:spChg>
        <pc:picChg chg="del">
          <ac:chgData name="CHEUNG, Hiu Ching Athena [Student]" userId="03cc0922-5853-4d01-aac9-cbffaf26e9d9" providerId="ADAL" clId="{5754D399-F75C-4EF6-8CD4-B9479614D3E2}" dt="2021-10-28T11:59:03.254" v="598" actId="478"/>
          <ac:picMkLst>
            <pc:docMk/>
            <pc:sldMk cId="2062501764" sldId="312"/>
            <ac:picMk id="3" creationId="{727FE554-3D10-4461-A855-1B88F14CD145}"/>
          </ac:picMkLst>
        </pc:picChg>
        <pc:picChg chg="del">
          <ac:chgData name="CHEUNG, Hiu Ching Athena [Student]" userId="03cc0922-5853-4d01-aac9-cbffaf26e9d9" providerId="ADAL" clId="{5754D399-F75C-4EF6-8CD4-B9479614D3E2}" dt="2021-10-28T11:59:03.645" v="599" actId="478"/>
          <ac:picMkLst>
            <pc:docMk/>
            <pc:sldMk cId="2062501764" sldId="312"/>
            <ac:picMk id="10" creationId="{A7191F65-688C-475E-9F10-E0BC90AC10EA}"/>
          </ac:picMkLst>
        </pc:picChg>
        <pc:picChg chg="del">
          <ac:chgData name="CHEUNG, Hiu Ching Athena [Student]" userId="03cc0922-5853-4d01-aac9-cbffaf26e9d9" providerId="ADAL" clId="{5754D399-F75C-4EF6-8CD4-B9479614D3E2}" dt="2021-10-28T11:59:04.021" v="600" actId="478"/>
          <ac:picMkLst>
            <pc:docMk/>
            <pc:sldMk cId="2062501764" sldId="312"/>
            <ac:picMk id="12" creationId="{923B4AB6-6FEC-4C58-BF2C-34FE4057F9BE}"/>
          </ac:picMkLst>
        </pc:picChg>
      </pc:sldChg>
      <pc:sldChg chg="addSp delSp modSp mod">
        <pc:chgData name="CHEUNG, Hiu Ching Athena [Student]" userId="03cc0922-5853-4d01-aac9-cbffaf26e9d9" providerId="ADAL" clId="{5754D399-F75C-4EF6-8CD4-B9479614D3E2}" dt="2021-11-01T05:08:53.926" v="4040" actId="1076"/>
        <pc:sldMkLst>
          <pc:docMk/>
          <pc:sldMk cId="3093510988" sldId="313"/>
        </pc:sldMkLst>
        <pc:spChg chg="add del">
          <ac:chgData name="CHEUNG, Hiu Ching Athena [Student]" userId="03cc0922-5853-4d01-aac9-cbffaf26e9d9" providerId="ADAL" clId="{5754D399-F75C-4EF6-8CD4-B9479614D3E2}" dt="2021-10-29T11:38:49.675" v="850" actId="478"/>
          <ac:spMkLst>
            <pc:docMk/>
            <pc:sldMk cId="3093510988" sldId="313"/>
            <ac:spMk id="6" creationId="{5B9E3D7B-A790-428A-9716-F5631392D2D2}"/>
          </ac:spMkLst>
        </pc:spChg>
        <pc:spChg chg="mod">
          <ac:chgData name="CHEUNG, Hiu Ching Athena [Student]" userId="03cc0922-5853-4d01-aac9-cbffaf26e9d9" providerId="ADAL" clId="{5754D399-F75C-4EF6-8CD4-B9479614D3E2}" dt="2021-10-31T19:33:09.605" v="2464" actId="207"/>
          <ac:spMkLst>
            <pc:docMk/>
            <pc:sldMk cId="3093510988" sldId="313"/>
            <ac:spMk id="7" creationId="{B34CC871-BDD7-425C-B3E7-84BDF0E829B7}"/>
          </ac:spMkLst>
        </pc:spChg>
        <pc:spChg chg="del">
          <ac:chgData name="CHEUNG, Hiu Ching Athena [Student]" userId="03cc0922-5853-4d01-aac9-cbffaf26e9d9" providerId="ADAL" clId="{5754D399-F75C-4EF6-8CD4-B9479614D3E2}" dt="2021-10-29T11:38:51.514" v="851" actId="478"/>
          <ac:spMkLst>
            <pc:docMk/>
            <pc:sldMk cId="3093510988" sldId="313"/>
            <ac:spMk id="9" creationId="{99F4B81A-C1EA-4ACE-BE51-C94F74A8FE1F}"/>
          </ac:spMkLst>
        </pc:spChg>
        <pc:spChg chg="mod">
          <ac:chgData name="CHEUNG, Hiu Ching Athena [Student]" userId="03cc0922-5853-4d01-aac9-cbffaf26e9d9" providerId="ADAL" clId="{5754D399-F75C-4EF6-8CD4-B9479614D3E2}" dt="2021-10-28T12:00:03.420" v="617" actId="20577"/>
          <ac:spMkLst>
            <pc:docMk/>
            <pc:sldMk cId="3093510988" sldId="313"/>
            <ac:spMk id="298" creationId="{00000000-0000-0000-0000-000000000000}"/>
          </ac:spMkLst>
        </pc:spChg>
        <pc:picChg chg="mod">
          <ac:chgData name="CHEUNG, Hiu Ching Athena [Student]" userId="03cc0922-5853-4d01-aac9-cbffaf26e9d9" providerId="ADAL" clId="{5754D399-F75C-4EF6-8CD4-B9479614D3E2}" dt="2021-11-01T05:08:53.926" v="4040" actId="1076"/>
          <ac:picMkLst>
            <pc:docMk/>
            <pc:sldMk cId="3093510988" sldId="313"/>
            <ac:picMk id="2" creationId="{53E90513-ED66-4A92-9D7C-6D73EA432C89}"/>
          </ac:picMkLst>
        </pc:picChg>
        <pc:picChg chg="del">
          <ac:chgData name="CHEUNG, Hiu Ching Athena [Student]" userId="03cc0922-5853-4d01-aac9-cbffaf26e9d9" providerId="ADAL" clId="{5754D399-F75C-4EF6-8CD4-B9479614D3E2}" dt="2021-10-28T11:58:56.277" v="592" actId="478"/>
          <ac:picMkLst>
            <pc:docMk/>
            <pc:sldMk cId="3093510988" sldId="313"/>
            <ac:picMk id="8" creationId="{5B542CF1-8FF8-43FB-9572-24CB9A524A1F}"/>
          </ac:picMkLst>
        </pc:picChg>
      </pc:sldChg>
      <pc:sldChg chg="addSp delSp modSp mod">
        <pc:chgData name="CHEUNG, Hiu Ching Athena [Student]" userId="03cc0922-5853-4d01-aac9-cbffaf26e9d9" providerId="ADAL" clId="{5754D399-F75C-4EF6-8CD4-B9479614D3E2}" dt="2021-10-31T20:41:53.078" v="3953" actId="1076"/>
        <pc:sldMkLst>
          <pc:docMk/>
          <pc:sldMk cId="3637971168" sldId="314"/>
        </pc:sldMkLst>
        <pc:spChg chg="add mod">
          <ac:chgData name="CHEUNG, Hiu Ching Athena [Student]" userId="03cc0922-5853-4d01-aac9-cbffaf26e9d9" providerId="ADAL" clId="{5754D399-F75C-4EF6-8CD4-B9479614D3E2}" dt="2021-10-31T20:39:46.781" v="3939" actId="1076"/>
          <ac:spMkLst>
            <pc:docMk/>
            <pc:sldMk cId="3637971168" sldId="314"/>
            <ac:spMk id="2" creationId="{9CC61763-AEF8-4062-96FA-6FA1E40964A7}"/>
          </ac:spMkLst>
        </pc:spChg>
        <pc:spChg chg="add">
          <ac:chgData name="CHEUNG, Hiu Ching Athena [Student]" userId="03cc0922-5853-4d01-aac9-cbffaf26e9d9" providerId="ADAL" clId="{5754D399-F75C-4EF6-8CD4-B9479614D3E2}" dt="2021-10-31T20:37:04.207" v="3924"/>
          <ac:spMkLst>
            <pc:docMk/>
            <pc:sldMk cId="3637971168" sldId="314"/>
            <ac:spMk id="3" creationId="{6AED0C81-31F0-450D-B4A3-A8BCD1FCA691}"/>
          </ac:spMkLst>
        </pc:spChg>
        <pc:spChg chg="add mod">
          <ac:chgData name="CHEUNG, Hiu Ching Athena [Student]" userId="03cc0922-5853-4d01-aac9-cbffaf26e9d9" providerId="ADAL" clId="{5754D399-F75C-4EF6-8CD4-B9479614D3E2}" dt="2021-10-31T20:37:13.756" v="3926" actId="14100"/>
          <ac:spMkLst>
            <pc:docMk/>
            <pc:sldMk cId="3637971168" sldId="314"/>
            <ac:spMk id="4" creationId="{44BAC468-FB0A-4CF4-8946-EF11190224CB}"/>
          </ac:spMkLst>
        </pc:spChg>
        <pc:spChg chg="mod">
          <ac:chgData name="CHEUNG, Hiu Ching Athena [Student]" userId="03cc0922-5853-4d01-aac9-cbffaf26e9d9" providerId="ADAL" clId="{5754D399-F75C-4EF6-8CD4-B9479614D3E2}" dt="2021-10-31T20:32:11.459" v="3862" actId="21"/>
          <ac:spMkLst>
            <pc:docMk/>
            <pc:sldMk cId="3637971168" sldId="314"/>
            <ac:spMk id="7" creationId="{B34CC871-BDD7-425C-B3E7-84BDF0E829B7}"/>
          </ac:spMkLst>
        </pc:spChg>
        <pc:spChg chg="add mod">
          <ac:chgData name="CHEUNG, Hiu Ching Athena [Student]" userId="03cc0922-5853-4d01-aac9-cbffaf26e9d9" providerId="ADAL" clId="{5754D399-F75C-4EF6-8CD4-B9479614D3E2}" dt="2021-10-31T20:39:46.781" v="3939" actId="1076"/>
          <ac:spMkLst>
            <pc:docMk/>
            <pc:sldMk cId="3637971168" sldId="314"/>
            <ac:spMk id="8" creationId="{488631FB-D7C7-4996-B0D4-6E614E16B8A4}"/>
          </ac:spMkLst>
        </pc:spChg>
        <pc:spChg chg="add mod">
          <ac:chgData name="CHEUNG, Hiu Ching Athena [Student]" userId="03cc0922-5853-4d01-aac9-cbffaf26e9d9" providerId="ADAL" clId="{5754D399-F75C-4EF6-8CD4-B9479614D3E2}" dt="2021-10-31T20:39:46.781" v="3939" actId="1076"/>
          <ac:spMkLst>
            <pc:docMk/>
            <pc:sldMk cId="3637971168" sldId="314"/>
            <ac:spMk id="9" creationId="{A902E654-AC69-4689-BA63-D4A4D95620DD}"/>
          </ac:spMkLst>
        </pc:spChg>
        <pc:spChg chg="mod">
          <ac:chgData name="CHEUNG, Hiu Ching Athena [Student]" userId="03cc0922-5853-4d01-aac9-cbffaf26e9d9" providerId="ADAL" clId="{5754D399-F75C-4EF6-8CD4-B9479614D3E2}" dt="2021-10-28T12:00:30.262" v="670" actId="20577"/>
          <ac:spMkLst>
            <pc:docMk/>
            <pc:sldMk cId="3637971168" sldId="314"/>
            <ac:spMk id="298" creationId="{00000000-0000-0000-0000-000000000000}"/>
          </ac:spMkLst>
        </pc:spChg>
        <pc:picChg chg="del">
          <ac:chgData name="CHEUNG, Hiu Ching Athena [Student]" userId="03cc0922-5853-4d01-aac9-cbffaf26e9d9" providerId="ADAL" clId="{5754D399-F75C-4EF6-8CD4-B9479614D3E2}" dt="2021-10-28T11:58:57.805" v="593" actId="478"/>
          <ac:picMkLst>
            <pc:docMk/>
            <pc:sldMk cId="3637971168" sldId="314"/>
            <ac:picMk id="4" creationId="{F6574090-01D2-4535-8F5D-89A8B2070428}"/>
          </ac:picMkLst>
        </pc:picChg>
        <pc:picChg chg="add mod modCrop">
          <ac:chgData name="CHEUNG, Hiu Ching Athena [Student]" userId="03cc0922-5853-4d01-aac9-cbffaf26e9d9" providerId="ADAL" clId="{5754D399-F75C-4EF6-8CD4-B9479614D3E2}" dt="2021-10-31T20:41:53.078" v="3953" actId="1076"/>
          <ac:picMkLst>
            <pc:docMk/>
            <pc:sldMk cId="3637971168" sldId="314"/>
            <ac:picMk id="10" creationId="{F37B72B4-E5B6-4AE0-95BB-A37C8550A8CC}"/>
          </ac:picMkLst>
        </pc:picChg>
        <pc:picChg chg="add mod modCrop">
          <ac:chgData name="CHEUNG, Hiu Ching Athena [Student]" userId="03cc0922-5853-4d01-aac9-cbffaf26e9d9" providerId="ADAL" clId="{5754D399-F75C-4EF6-8CD4-B9479614D3E2}" dt="2021-10-31T20:41:49.509" v="3952" actId="1076"/>
          <ac:picMkLst>
            <pc:docMk/>
            <pc:sldMk cId="3637971168" sldId="314"/>
            <ac:picMk id="12" creationId="{2C21240E-40E0-4117-8A0F-37728E37E185}"/>
          </ac:picMkLst>
        </pc:picChg>
      </pc:sldChg>
      <pc:sldChg chg="addSp delSp modSp mod">
        <pc:chgData name="CHEUNG, Hiu Ching Athena [Student]" userId="03cc0922-5853-4d01-aac9-cbffaf26e9d9" providerId="ADAL" clId="{5754D399-F75C-4EF6-8CD4-B9479614D3E2}" dt="2021-10-31T20:35:10.676" v="3920" actId="20577"/>
        <pc:sldMkLst>
          <pc:docMk/>
          <pc:sldMk cId="2895263569" sldId="315"/>
        </pc:sldMkLst>
        <pc:spChg chg="add del mod">
          <ac:chgData name="CHEUNG, Hiu Ching Athena [Student]" userId="03cc0922-5853-4d01-aac9-cbffaf26e9d9" providerId="ADAL" clId="{5754D399-F75C-4EF6-8CD4-B9479614D3E2}" dt="2021-10-31T20:11:37.054" v="3306" actId="478"/>
          <ac:spMkLst>
            <pc:docMk/>
            <pc:sldMk cId="2895263569" sldId="315"/>
            <ac:spMk id="2" creationId="{C49C29BD-E813-45E8-93AA-B8943059F37C}"/>
          </ac:spMkLst>
        </pc:spChg>
        <pc:spChg chg="del">
          <ac:chgData name="CHEUNG, Hiu Ching Athena [Student]" userId="03cc0922-5853-4d01-aac9-cbffaf26e9d9" providerId="ADAL" clId="{5754D399-F75C-4EF6-8CD4-B9479614D3E2}" dt="2021-10-28T11:59:01.375" v="597" actId="478"/>
          <ac:spMkLst>
            <pc:docMk/>
            <pc:sldMk cId="2895263569" sldId="315"/>
            <ac:spMk id="5" creationId="{987A8943-5C17-4018-B20D-417409238012}"/>
          </ac:spMkLst>
        </pc:spChg>
        <pc:spChg chg="mod">
          <ac:chgData name="CHEUNG, Hiu Ching Athena [Student]" userId="03cc0922-5853-4d01-aac9-cbffaf26e9d9" providerId="ADAL" clId="{5754D399-F75C-4EF6-8CD4-B9479614D3E2}" dt="2021-10-31T20:35:10.676" v="3920" actId="20577"/>
          <ac:spMkLst>
            <pc:docMk/>
            <pc:sldMk cId="2895263569" sldId="315"/>
            <ac:spMk id="7" creationId="{B34CC871-BDD7-425C-B3E7-84BDF0E829B7}"/>
          </ac:spMkLst>
        </pc:spChg>
        <pc:spChg chg="add del mod">
          <ac:chgData name="CHEUNG, Hiu Ching Athena [Student]" userId="03cc0922-5853-4d01-aac9-cbffaf26e9d9" providerId="ADAL" clId="{5754D399-F75C-4EF6-8CD4-B9479614D3E2}" dt="2021-10-31T20:34:12.537" v="3891" actId="478"/>
          <ac:spMkLst>
            <pc:docMk/>
            <pc:sldMk cId="2895263569" sldId="315"/>
            <ac:spMk id="8" creationId="{1FB1779C-8EB9-4744-9D64-2AAA53332FD7}"/>
          </ac:spMkLst>
        </pc:spChg>
        <pc:spChg chg="del">
          <ac:chgData name="CHEUNG, Hiu Ching Athena [Student]" userId="03cc0922-5853-4d01-aac9-cbffaf26e9d9" providerId="ADAL" clId="{5754D399-F75C-4EF6-8CD4-B9479614D3E2}" dt="2021-10-28T11:58:59.789" v="595" actId="478"/>
          <ac:spMkLst>
            <pc:docMk/>
            <pc:sldMk cId="2895263569" sldId="315"/>
            <ac:spMk id="14" creationId="{6DA131A7-F94F-4082-8A0B-C6EA2066F2C2}"/>
          </ac:spMkLst>
        </pc:spChg>
        <pc:spChg chg="mod">
          <ac:chgData name="CHEUNG, Hiu Ching Athena [Student]" userId="03cc0922-5853-4d01-aac9-cbffaf26e9d9" providerId="ADAL" clId="{5754D399-F75C-4EF6-8CD4-B9479614D3E2}" dt="2021-10-28T12:00:40.617" v="681" actId="20577"/>
          <ac:spMkLst>
            <pc:docMk/>
            <pc:sldMk cId="2895263569" sldId="315"/>
            <ac:spMk id="298" creationId="{00000000-0000-0000-0000-000000000000}"/>
          </ac:spMkLst>
        </pc:spChg>
        <pc:picChg chg="del">
          <ac:chgData name="CHEUNG, Hiu Ching Athena [Student]" userId="03cc0922-5853-4d01-aac9-cbffaf26e9d9" providerId="ADAL" clId="{5754D399-F75C-4EF6-8CD4-B9479614D3E2}" dt="2021-10-28T11:58:58.831" v="594" actId="478"/>
          <ac:picMkLst>
            <pc:docMk/>
            <pc:sldMk cId="2895263569" sldId="315"/>
            <ac:picMk id="16" creationId="{4A29D66D-7D58-45E5-A984-76E95D92B148}"/>
          </ac:picMkLst>
        </pc:picChg>
        <pc:cxnChg chg="del">
          <ac:chgData name="CHEUNG, Hiu Ching Athena [Student]" userId="03cc0922-5853-4d01-aac9-cbffaf26e9d9" providerId="ADAL" clId="{5754D399-F75C-4EF6-8CD4-B9479614D3E2}" dt="2021-10-28T11:59:00.646" v="596" actId="478"/>
          <ac:cxnSpMkLst>
            <pc:docMk/>
            <pc:sldMk cId="2895263569" sldId="315"/>
            <ac:cxnSpMk id="9" creationId="{EA51ED7C-1535-4EB4-A035-12AAB2024397}"/>
          </ac:cxnSpMkLst>
        </pc:cxnChg>
      </pc:sldChg>
      <pc:sldChg chg="delSp modSp mod">
        <pc:chgData name="CHEUNG, Hiu Ching Athena [Student]" userId="03cc0922-5853-4d01-aac9-cbffaf26e9d9" providerId="ADAL" clId="{5754D399-F75C-4EF6-8CD4-B9479614D3E2}" dt="2021-10-31T20:38:24.996" v="3934" actId="20577"/>
        <pc:sldMkLst>
          <pc:docMk/>
          <pc:sldMk cId="1748417056" sldId="316"/>
        </pc:sldMkLst>
        <pc:spChg chg="mod">
          <ac:chgData name="CHEUNG, Hiu Ching Athena [Student]" userId="03cc0922-5853-4d01-aac9-cbffaf26e9d9" providerId="ADAL" clId="{5754D399-F75C-4EF6-8CD4-B9479614D3E2}" dt="2021-10-31T20:38:24.996" v="3934" actId="20577"/>
          <ac:spMkLst>
            <pc:docMk/>
            <pc:sldMk cId="1748417056" sldId="316"/>
            <ac:spMk id="22" creationId="{1AC53AC4-2315-4E8E-9305-93A5CDC8ED50}"/>
          </ac:spMkLst>
        </pc:spChg>
        <pc:spChg chg="mod">
          <ac:chgData name="CHEUNG, Hiu Ching Athena [Student]" userId="03cc0922-5853-4d01-aac9-cbffaf26e9d9" providerId="ADAL" clId="{5754D399-F75C-4EF6-8CD4-B9479614D3E2}" dt="2021-10-28T12:01:18.927" v="745" actId="20577"/>
          <ac:spMkLst>
            <pc:docMk/>
            <pc:sldMk cId="1748417056" sldId="316"/>
            <ac:spMk id="298" creationId="{00000000-0000-0000-0000-000000000000}"/>
          </ac:spMkLst>
        </pc:spChg>
        <pc:picChg chg="del">
          <ac:chgData name="CHEUNG, Hiu Ching Athena [Student]" userId="03cc0922-5853-4d01-aac9-cbffaf26e9d9" providerId="ADAL" clId="{5754D399-F75C-4EF6-8CD4-B9479614D3E2}" dt="2021-10-28T11:59:06.184" v="603" actId="478"/>
          <ac:picMkLst>
            <pc:docMk/>
            <pc:sldMk cId="1748417056" sldId="316"/>
            <ac:picMk id="16" creationId="{8838A07E-2DA1-4D2B-AE5C-E8C5620F6D98}"/>
          </ac:picMkLst>
        </pc:picChg>
        <pc:picChg chg="del">
          <ac:chgData name="CHEUNG, Hiu Ching Athena [Student]" userId="03cc0922-5853-4d01-aac9-cbffaf26e9d9" providerId="ADAL" clId="{5754D399-F75C-4EF6-8CD4-B9479614D3E2}" dt="2021-10-28T11:59:05.772" v="602" actId="478"/>
          <ac:picMkLst>
            <pc:docMk/>
            <pc:sldMk cId="1748417056" sldId="316"/>
            <ac:picMk id="18" creationId="{EB0BE34E-084B-40A0-BB42-F54B7624DF14}"/>
          </ac:picMkLst>
        </pc:picChg>
        <pc:picChg chg="del">
          <ac:chgData name="CHEUNG, Hiu Ching Athena [Student]" userId="03cc0922-5853-4d01-aac9-cbffaf26e9d9" providerId="ADAL" clId="{5754D399-F75C-4EF6-8CD4-B9479614D3E2}" dt="2021-10-28T11:59:05.381" v="601" actId="478"/>
          <ac:picMkLst>
            <pc:docMk/>
            <pc:sldMk cId="1748417056" sldId="316"/>
            <ac:picMk id="20" creationId="{30224D21-DF5D-40F5-8CDD-8D392263B232}"/>
          </ac:picMkLst>
        </pc:picChg>
      </pc:sldChg>
      <pc:sldChg chg="modSp mod">
        <pc:chgData name="CHEUNG, Hiu Ching Athena [Student]" userId="03cc0922-5853-4d01-aac9-cbffaf26e9d9" providerId="ADAL" clId="{5754D399-F75C-4EF6-8CD4-B9479614D3E2}" dt="2021-10-31T20:08:22.089" v="3268" actId="20577"/>
        <pc:sldMkLst>
          <pc:docMk/>
          <pc:sldMk cId="57273043" sldId="317"/>
        </pc:sldMkLst>
        <pc:spChg chg="mod">
          <ac:chgData name="CHEUNG, Hiu Ching Athena [Student]" userId="03cc0922-5853-4d01-aac9-cbffaf26e9d9" providerId="ADAL" clId="{5754D399-F75C-4EF6-8CD4-B9479614D3E2}" dt="2021-10-31T20:08:22.089" v="3268" actId="20577"/>
          <ac:spMkLst>
            <pc:docMk/>
            <pc:sldMk cId="57273043" sldId="317"/>
            <ac:spMk id="7" creationId="{B34CC871-BDD7-425C-B3E7-84BDF0E829B7}"/>
          </ac:spMkLst>
        </pc:spChg>
      </pc:sldChg>
      <pc:sldChg chg="del">
        <pc:chgData name="CHEUNG, Hiu Ching Athena [Student]" userId="03cc0922-5853-4d01-aac9-cbffaf26e9d9" providerId="ADAL" clId="{5754D399-F75C-4EF6-8CD4-B9479614D3E2}" dt="2021-10-28T11:58:32.590" v="571" actId="47"/>
        <pc:sldMkLst>
          <pc:docMk/>
          <pc:sldMk cId="3914939753" sldId="318"/>
        </pc:sldMkLst>
      </pc:sldChg>
      <pc:sldChg chg="del">
        <pc:chgData name="CHEUNG, Hiu Ching Athena [Student]" userId="03cc0922-5853-4d01-aac9-cbffaf26e9d9" providerId="ADAL" clId="{5754D399-F75C-4EF6-8CD4-B9479614D3E2}" dt="2021-10-28T11:58:32.590" v="571" actId="47"/>
        <pc:sldMkLst>
          <pc:docMk/>
          <pc:sldMk cId="2756135176" sldId="319"/>
        </pc:sldMkLst>
      </pc:sldChg>
      <pc:sldChg chg="delSp modSp new mod">
        <pc:chgData name="CHEUNG, Hiu Ching Athena [Student]" userId="03cc0922-5853-4d01-aac9-cbffaf26e9d9" providerId="ADAL" clId="{5754D399-F75C-4EF6-8CD4-B9479614D3E2}" dt="2021-10-26T14:25:09.794" v="6" actId="20577"/>
        <pc:sldMkLst>
          <pc:docMk/>
          <pc:sldMk cId="2594107415" sldId="320"/>
        </pc:sldMkLst>
        <pc:spChg chg="del">
          <ac:chgData name="CHEUNG, Hiu Ching Athena [Student]" userId="03cc0922-5853-4d01-aac9-cbffaf26e9d9" providerId="ADAL" clId="{5754D399-F75C-4EF6-8CD4-B9479614D3E2}" dt="2021-10-26T14:25:07.340" v="3" actId="478"/>
          <ac:spMkLst>
            <pc:docMk/>
            <pc:sldMk cId="2594107415" sldId="320"/>
            <ac:spMk id="2" creationId="{FEE04DA4-E556-414C-80DD-D186F4F6AC9F}"/>
          </ac:spMkLst>
        </pc:spChg>
        <pc:spChg chg="mod">
          <ac:chgData name="CHEUNG, Hiu Ching Athena [Student]" userId="03cc0922-5853-4d01-aac9-cbffaf26e9d9" providerId="ADAL" clId="{5754D399-F75C-4EF6-8CD4-B9479614D3E2}" dt="2021-10-26T14:25:09.794" v="6" actId="20577"/>
          <ac:spMkLst>
            <pc:docMk/>
            <pc:sldMk cId="2594107415" sldId="320"/>
            <ac:spMk id="3" creationId="{E0E875AA-0E87-4CAB-80E8-96B0339FFE51}"/>
          </ac:spMkLst>
        </pc:spChg>
        <pc:spChg chg="del">
          <ac:chgData name="CHEUNG, Hiu Ching Athena [Student]" userId="03cc0922-5853-4d01-aac9-cbffaf26e9d9" providerId="ADAL" clId="{5754D399-F75C-4EF6-8CD4-B9479614D3E2}" dt="2021-10-26T14:25:03.509" v="2" actId="478"/>
          <ac:spMkLst>
            <pc:docMk/>
            <pc:sldMk cId="2594107415" sldId="320"/>
            <ac:spMk id="4" creationId="{04D00386-8710-4EDD-A9E3-F8308A89C94C}"/>
          </ac:spMkLst>
        </pc:spChg>
      </pc:sldChg>
      <pc:sldChg chg="modSp del mod">
        <pc:chgData name="CHEUNG, Hiu Ching Athena [Student]" userId="03cc0922-5853-4d01-aac9-cbffaf26e9d9" providerId="ADAL" clId="{5754D399-F75C-4EF6-8CD4-B9479614D3E2}" dt="2021-11-01T04:48:52.002" v="3974" actId="47"/>
        <pc:sldMkLst>
          <pc:docMk/>
          <pc:sldMk cId="2594107415" sldId="321"/>
        </pc:sldMkLst>
        <pc:spChg chg="mod">
          <ac:chgData name="CHEUNG, Hiu Ching Athena [Student]" userId="03cc0922-5853-4d01-aac9-cbffaf26e9d9" providerId="ADAL" clId="{5754D399-F75C-4EF6-8CD4-B9479614D3E2}" dt="2021-10-26T14:56:05.522" v="219" actId="20577"/>
          <ac:spMkLst>
            <pc:docMk/>
            <pc:sldMk cId="2594107415" sldId="321"/>
            <ac:spMk id="3" creationId="{E0E875AA-0E87-4CAB-80E8-96B0339FFE51}"/>
          </ac:spMkLst>
        </pc:spChg>
      </pc:sldChg>
      <pc:sldChg chg="addSp delSp modSp add mod">
        <pc:chgData name="CHEUNG, Hiu Ching Athena [Student]" userId="03cc0922-5853-4d01-aac9-cbffaf26e9d9" providerId="ADAL" clId="{5754D399-F75C-4EF6-8CD4-B9479614D3E2}" dt="2021-10-31T19:31:46.381" v="2435" actId="1076"/>
        <pc:sldMkLst>
          <pc:docMk/>
          <pc:sldMk cId="984828384" sldId="322"/>
        </pc:sldMkLst>
        <pc:spChg chg="add mod">
          <ac:chgData name="CHEUNG, Hiu Ching Athena [Student]" userId="03cc0922-5853-4d01-aac9-cbffaf26e9d9" providerId="ADAL" clId="{5754D399-F75C-4EF6-8CD4-B9479614D3E2}" dt="2021-10-31T19:31:43.236" v="2434" actId="1076"/>
          <ac:spMkLst>
            <pc:docMk/>
            <pc:sldMk cId="984828384" sldId="322"/>
            <ac:spMk id="2" creationId="{7749C3DD-703D-4EAF-89EC-48CE5C84E05A}"/>
          </ac:spMkLst>
        </pc:spChg>
        <pc:spChg chg="add del mod">
          <ac:chgData name="CHEUNG, Hiu Ching Athena [Student]" userId="03cc0922-5853-4d01-aac9-cbffaf26e9d9" providerId="ADAL" clId="{5754D399-F75C-4EF6-8CD4-B9479614D3E2}" dt="2021-10-31T19:17:42.727" v="2207"/>
          <ac:spMkLst>
            <pc:docMk/>
            <pc:sldMk cId="984828384" sldId="322"/>
            <ac:spMk id="4" creationId="{F0E93D0F-DACC-422B-A980-10B541130104}"/>
          </ac:spMkLst>
        </pc:spChg>
        <pc:spChg chg="mod">
          <ac:chgData name="CHEUNG, Hiu Ching Athena [Student]" userId="03cc0922-5853-4d01-aac9-cbffaf26e9d9" providerId="ADAL" clId="{5754D399-F75C-4EF6-8CD4-B9479614D3E2}" dt="2021-10-28T11:53:52.247" v="454" actId="20577"/>
          <ac:spMkLst>
            <pc:docMk/>
            <pc:sldMk cId="984828384" sldId="322"/>
            <ac:spMk id="8" creationId="{9046F948-9F0A-41AA-BB73-A9D296B66A93}"/>
          </ac:spMkLst>
        </pc:spChg>
        <pc:graphicFrameChg chg="add del mod">
          <ac:chgData name="CHEUNG, Hiu Ching Athena [Student]" userId="03cc0922-5853-4d01-aac9-cbffaf26e9d9" providerId="ADAL" clId="{5754D399-F75C-4EF6-8CD4-B9479614D3E2}" dt="2021-10-31T19:17:42.727" v="2207"/>
          <ac:graphicFrameMkLst>
            <pc:docMk/>
            <pc:sldMk cId="984828384" sldId="322"/>
            <ac:graphicFrameMk id="3" creationId="{78694273-1E30-4390-8964-95493C2F6AB5}"/>
          </ac:graphicFrameMkLst>
        </pc:graphicFrameChg>
        <pc:picChg chg="add mod">
          <ac:chgData name="CHEUNG, Hiu Ching Athena [Student]" userId="03cc0922-5853-4d01-aac9-cbffaf26e9d9" providerId="ADAL" clId="{5754D399-F75C-4EF6-8CD4-B9479614D3E2}" dt="2021-10-31T19:24:07.558" v="2247" actId="1076"/>
          <ac:picMkLst>
            <pc:docMk/>
            <pc:sldMk cId="984828384" sldId="322"/>
            <ac:picMk id="6" creationId="{5ED7459E-03B9-4836-AF19-C3ED60D48436}"/>
          </ac:picMkLst>
        </pc:picChg>
        <pc:picChg chg="add mod">
          <ac:chgData name="CHEUNG, Hiu Ching Athena [Student]" userId="03cc0922-5853-4d01-aac9-cbffaf26e9d9" providerId="ADAL" clId="{5754D399-F75C-4EF6-8CD4-B9479614D3E2}" dt="2021-10-31T19:31:46.381" v="2435" actId="1076"/>
          <ac:picMkLst>
            <pc:docMk/>
            <pc:sldMk cId="984828384" sldId="322"/>
            <ac:picMk id="1027" creationId="{1613A365-132D-4206-9B5D-9F1568D22532}"/>
          </ac:picMkLst>
        </pc:picChg>
      </pc:sldChg>
      <pc:sldChg chg="addSp delSp modSp add mod">
        <pc:chgData name="CHEUNG, Hiu Ching Athena [Student]" userId="03cc0922-5853-4d01-aac9-cbffaf26e9d9" providerId="ADAL" clId="{5754D399-F75C-4EF6-8CD4-B9479614D3E2}" dt="2021-10-31T19:47:03.715" v="2586" actId="20577"/>
        <pc:sldMkLst>
          <pc:docMk/>
          <pc:sldMk cId="1687637954" sldId="323"/>
        </pc:sldMkLst>
        <pc:spChg chg="add del mod">
          <ac:chgData name="CHEUNG, Hiu Ching Athena [Student]" userId="03cc0922-5853-4d01-aac9-cbffaf26e9d9" providerId="ADAL" clId="{5754D399-F75C-4EF6-8CD4-B9479614D3E2}" dt="2021-10-31T19:44:06.459" v="2541" actId="1076"/>
          <ac:spMkLst>
            <pc:docMk/>
            <pc:sldMk cId="1687637954" sldId="323"/>
            <ac:spMk id="2" creationId="{5A6F5C09-3EC0-44BA-9143-5BD8A460A166}"/>
          </ac:spMkLst>
        </pc:spChg>
        <pc:spChg chg="add mod">
          <ac:chgData name="CHEUNG, Hiu Ching Athena [Student]" userId="03cc0922-5853-4d01-aac9-cbffaf26e9d9" providerId="ADAL" clId="{5754D399-F75C-4EF6-8CD4-B9479614D3E2}" dt="2021-10-31T19:47:03.715" v="2586" actId="20577"/>
          <ac:spMkLst>
            <pc:docMk/>
            <pc:sldMk cId="1687637954" sldId="323"/>
            <ac:spMk id="3" creationId="{7E94F3FC-8784-44CF-8A94-FABFC68AFEAC}"/>
          </ac:spMkLst>
        </pc:spChg>
        <pc:spChg chg="del">
          <ac:chgData name="CHEUNG, Hiu Ching Athena [Student]" userId="03cc0922-5853-4d01-aac9-cbffaf26e9d9" providerId="ADAL" clId="{5754D399-F75C-4EF6-8CD4-B9479614D3E2}" dt="2021-10-28T11:57:44.039" v="547" actId="478"/>
          <ac:spMkLst>
            <pc:docMk/>
            <pc:sldMk cId="1687637954" sldId="323"/>
            <ac:spMk id="4" creationId="{594FB4F1-4B24-4DDC-9BFF-24A55151C627}"/>
          </ac:spMkLst>
        </pc:spChg>
        <pc:spChg chg="add mod">
          <ac:chgData name="CHEUNG, Hiu Ching Athena [Student]" userId="03cc0922-5853-4d01-aac9-cbffaf26e9d9" providerId="ADAL" clId="{5754D399-F75C-4EF6-8CD4-B9479614D3E2}" dt="2021-10-31T19:47:01.448" v="2585" actId="20577"/>
          <ac:spMkLst>
            <pc:docMk/>
            <pc:sldMk cId="1687637954" sldId="323"/>
            <ac:spMk id="6" creationId="{361DB6CD-AA11-4ECA-914B-CF5D4AC6BEE3}"/>
          </ac:spMkLst>
        </pc:spChg>
        <pc:spChg chg="add del mod">
          <ac:chgData name="CHEUNG, Hiu Ching Athena [Student]" userId="03cc0922-5853-4d01-aac9-cbffaf26e9d9" providerId="ADAL" clId="{5754D399-F75C-4EF6-8CD4-B9479614D3E2}" dt="2021-10-31T19:43:07.219" v="2529" actId="478"/>
          <ac:spMkLst>
            <pc:docMk/>
            <pc:sldMk cId="1687637954" sldId="323"/>
            <ac:spMk id="8" creationId="{1C06BFEF-F598-49BE-BC64-66BF71066E68}"/>
          </ac:spMkLst>
        </pc:spChg>
        <pc:spChg chg="add del mod">
          <ac:chgData name="CHEUNG, Hiu Ching Athena [Student]" userId="03cc0922-5853-4d01-aac9-cbffaf26e9d9" providerId="ADAL" clId="{5754D399-F75C-4EF6-8CD4-B9479614D3E2}" dt="2021-10-31T19:43:09.569" v="2530" actId="478"/>
          <ac:spMkLst>
            <pc:docMk/>
            <pc:sldMk cId="1687637954" sldId="323"/>
            <ac:spMk id="9" creationId="{3246515D-8394-41B0-9901-03FE9F5536BE}"/>
          </ac:spMkLst>
        </pc:spChg>
        <pc:spChg chg="add del mod">
          <ac:chgData name="CHEUNG, Hiu Ching Athena [Student]" userId="03cc0922-5853-4d01-aac9-cbffaf26e9d9" providerId="ADAL" clId="{5754D399-F75C-4EF6-8CD4-B9479614D3E2}" dt="2021-10-31T19:43:04.466" v="2527" actId="478"/>
          <ac:spMkLst>
            <pc:docMk/>
            <pc:sldMk cId="1687637954" sldId="323"/>
            <ac:spMk id="10" creationId="{32172051-E441-4B7B-B7E2-1CA36830D09C}"/>
          </ac:spMkLst>
        </pc:spChg>
        <pc:spChg chg="add del mod">
          <ac:chgData name="CHEUNG, Hiu Ching Athena [Student]" userId="03cc0922-5853-4d01-aac9-cbffaf26e9d9" providerId="ADAL" clId="{5754D399-F75C-4EF6-8CD4-B9479614D3E2}" dt="2021-10-31T19:43:02.926" v="2526" actId="478"/>
          <ac:spMkLst>
            <pc:docMk/>
            <pc:sldMk cId="1687637954" sldId="323"/>
            <ac:spMk id="11" creationId="{896EE3BB-DD1F-4993-960A-678BBB7E690F}"/>
          </ac:spMkLst>
        </pc:spChg>
        <pc:spChg chg="add del mod">
          <ac:chgData name="CHEUNG, Hiu Ching Athena [Student]" userId="03cc0922-5853-4d01-aac9-cbffaf26e9d9" providerId="ADAL" clId="{5754D399-F75C-4EF6-8CD4-B9479614D3E2}" dt="2021-10-31T19:43:05.693" v="2528" actId="478"/>
          <ac:spMkLst>
            <pc:docMk/>
            <pc:sldMk cId="1687637954" sldId="323"/>
            <ac:spMk id="12" creationId="{DE17117A-3FDF-4351-9536-31BB52AF00D0}"/>
          </ac:spMkLst>
        </pc:spChg>
        <pc:spChg chg="del">
          <ac:chgData name="CHEUNG, Hiu Ching Athena [Student]" userId="03cc0922-5853-4d01-aac9-cbffaf26e9d9" providerId="ADAL" clId="{5754D399-F75C-4EF6-8CD4-B9479614D3E2}" dt="2021-10-28T11:57:44.039" v="547" actId="478"/>
          <ac:spMkLst>
            <pc:docMk/>
            <pc:sldMk cId="1687637954" sldId="323"/>
            <ac:spMk id="13" creationId="{AA54A8A4-72B4-4D48-9B03-FAD4BA100FA8}"/>
          </ac:spMkLst>
        </pc:spChg>
        <pc:spChg chg="del">
          <ac:chgData name="CHEUNG, Hiu Ching Athena [Student]" userId="03cc0922-5853-4d01-aac9-cbffaf26e9d9" providerId="ADAL" clId="{5754D399-F75C-4EF6-8CD4-B9479614D3E2}" dt="2021-10-28T11:57:44.039" v="547" actId="478"/>
          <ac:spMkLst>
            <pc:docMk/>
            <pc:sldMk cId="1687637954" sldId="323"/>
            <ac:spMk id="14" creationId="{2986A655-1AE1-3D4B-8734-52AA9900E686}"/>
          </ac:spMkLst>
        </pc:spChg>
        <pc:spChg chg="del">
          <ac:chgData name="CHEUNG, Hiu Ching Athena [Student]" userId="03cc0922-5853-4d01-aac9-cbffaf26e9d9" providerId="ADAL" clId="{5754D399-F75C-4EF6-8CD4-B9479614D3E2}" dt="2021-10-28T11:57:44.039" v="547" actId="478"/>
          <ac:spMkLst>
            <pc:docMk/>
            <pc:sldMk cId="1687637954" sldId="323"/>
            <ac:spMk id="15" creationId="{24A0DF97-0159-B344-B558-7FA16982E633}"/>
          </ac:spMkLst>
        </pc:spChg>
        <pc:spChg chg="del">
          <ac:chgData name="CHEUNG, Hiu Ching Athena [Student]" userId="03cc0922-5853-4d01-aac9-cbffaf26e9d9" providerId="ADAL" clId="{5754D399-F75C-4EF6-8CD4-B9479614D3E2}" dt="2021-10-28T11:57:44.039" v="547" actId="478"/>
          <ac:spMkLst>
            <pc:docMk/>
            <pc:sldMk cId="1687637954" sldId="323"/>
            <ac:spMk id="16" creationId="{ABAC9CAE-6CD6-8340-BE9D-54C5734D9FFD}"/>
          </ac:spMkLst>
        </pc:spChg>
        <pc:spChg chg="del">
          <ac:chgData name="CHEUNG, Hiu Ching Athena [Student]" userId="03cc0922-5853-4d01-aac9-cbffaf26e9d9" providerId="ADAL" clId="{5754D399-F75C-4EF6-8CD4-B9479614D3E2}" dt="2021-10-28T11:57:44.039" v="547" actId="478"/>
          <ac:spMkLst>
            <pc:docMk/>
            <pc:sldMk cId="1687637954" sldId="323"/>
            <ac:spMk id="18" creationId="{CB2B1F31-1714-5342-A517-38D97E19A5C8}"/>
          </ac:spMkLst>
        </pc:spChg>
        <pc:spChg chg="del">
          <ac:chgData name="CHEUNG, Hiu Ching Athena [Student]" userId="03cc0922-5853-4d01-aac9-cbffaf26e9d9" providerId="ADAL" clId="{5754D399-F75C-4EF6-8CD4-B9479614D3E2}" dt="2021-10-28T11:57:44.039" v="547" actId="478"/>
          <ac:spMkLst>
            <pc:docMk/>
            <pc:sldMk cId="1687637954" sldId="323"/>
            <ac:spMk id="19" creationId="{1B0002FA-7D0E-E24A-ABE4-30904EEFE6D7}"/>
          </ac:spMkLst>
        </pc:spChg>
        <pc:spChg chg="del">
          <ac:chgData name="CHEUNG, Hiu Ching Athena [Student]" userId="03cc0922-5853-4d01-aac9-cbffaf26e9d9" providerId="ADAL" clId="{5754D399-F75C-4EF6-8CD4-B9479614D3E2}" dt="2021-10-28T11:57:44.039" v="547" actId="478"/>
          <ac:spMkLst>
            <pc:docMk/>
            <pc:sldMk cId="1687637954" sldId="323"/>
            <ac:spMk id="21" creationId="{893EBCCA-7D28-0D45-8E92-D86460A07C02}"/>
          </ac:spMkLst>
        </pc:spChg>
        <pc:spChg chg="add del">
          <ac:chgData name="CHEUNG, Hiu Ching Athena [Student]" userId="03cc0922-5853-4d01-aac9-cbffaf26e9d9" providerId="ADAL" clId="{5754D399-F75C-4EF6-8CD4-B9479614D3E2}" dt="2021-10-31T19:44:16.872" v="2543" actId="478"/>
          <ac:spMkLst>
            <pc:docMk/>
            <pc:sldMk cId="1687637954" sldId="323"/>
            <ac:spMk id="25" creationId="{CB177247-51EC-49FF-9B7C-56815C5BE2F3}"/>
          </ac:spMkLst>
        </pc:spChg>
        <pc:spChg chg="add del">
          <ac:chgData name="CHEUNG, Hiu Ching Athena [Student]" userId="03cc0922-5853-4d01-aac9-cbffaf26e9d9" providerId="ADAL" clId="{5754D399-F75C-4EF6-8CD4-B9479614D3E2}" dt="2021-10-31T19:44:28.836" v="2545" actId="478"/>
          <ac:spMkLst>
            <pc:docMk/>
            <pc:sldMk cId="1687637954" sldId="323"/>
            <ac:spMk id="26" creationId="{6307FB1B-C872-4F85-9746-3B658B0077E8}"/>
          </ac:spMkLst>
        </pc:spChg>
        <pc:spChg chg="add mod">
          <ac:chgData name="CHEUNG, Hiu Ching Athena [Student]" userId="03cc0922-5853-4d01-aac9-cbffaf26e9d9" providerId="ADAL" clId="{5754D399-F75C-4EF6-8CD4-B9479614D3E2}" dt="2021-10-31T19:44:46.092" v="2547" actId="1076"/>
          <ac:spMkLst>
            <pc:docMk/>
            <pc:sldMk cId="1687637954" sldId="323"/>
            <ac:spMk id="27" creationId="{BF2ABA41-4A64-4B4A-B17A-1A33B975B7AB}"/>
          </ac:spMkLst>
        </pc:spChg>
        <pc:spChg chg="add mod">
          <ac:chgData name="CHEUNG, Hiu Ching Athena [Student]" userId="03cc0922-5853-4d01-aac9-cbffaf26e9d9" providerId="ADAL" clId="{5754D399-F75C-4EF6-8CD4-B9479614D3E2}" dt="2021-10-31T19:45:48.915" v="2570" actId="1076"/>
          <ac:spMkLst>
            <pc:docMk/>
            <pc:sldMk cId="1687637954" sldId="323"/>
            <ac:spMk id="28" creationId="{ECA3EF3B-DA06-434E-BAED-2F1D3914F5EF}"/>
          </ac:spMkLst>
        </pc:spChg>
        <pc:spChg chg="del">
          <ac:chgData name="CHEUNG, Hiu Ching Athena [Student]" userId="03cc0922-5853-4d01-aac9-cbffaf26e9d9" providerId="ADAL" clId="{5754D399-F75C-4EF6-8CD4-B9479614D3E2}" dt="2021-10-28T11:57:44.039" v="547" actId="478"/>
          <ac:spMkLst>
            <pc:docMk/>
            <pc:sldMk cId="1687637954" sldId="323"/>
            <ac:spMk id="36" creationId="{28505004-C584-4283-ACA9-4544A76AEA1C}"/>
          </ac:spMkLst>
        </pc:spChg>
        <pc:spChg chg="del">
          <ac:chgData name="CHEUNG, Hiu Ching Athena [Student]" userId="03cc0922-5853-4d01-aac9-cbffaf26e9d9" providerId="ADAL" clId="{5754D399-F75C-4EF6-8CD4-B9479614D3E2}" dt="2021-10-28T11:57:44.039" v="547" actId="478"/>
          <ac:spMkLst>
            <pc:docMk/>
            <pc:sldMk cId="1687637954" sldId="323"/>
            <ac:spMk id="37" creationId="{E820FC38-20BC-482D-8698-CE08B241C470}"/>
          </ac:spMkLst>
        </pc:spChg>
        <pc:spChg chg="del">
          <ac:chgData name="CHEUNG, Hiu Ching Athena [Student]" userId="03cc0922-5853-4d01-aac9-cbffaf26e9d9" providerId="ADAL" clId="{5754D399-F75C-4EF6-8CD4-B9479614D3E2}" dt="2021-10-28T11:57:44.039" v="547" actId="478"/>
          <ac:spMkLst>
            <pc:docMk/>
            <pc:sldMk cId="1687637954" sldId="323"/>
            <ac:spMk id="38" creationId="{BF717CCA-2915-4285-91D3-B7BA26E833B6}"/>
          </ac:spMkLst>
        </pc:spChg>
        <pc:spChg chg="del">
          <ac:chgData name="CHEUNG, Hiu Ching Athena [Student]" userId="03cc0922-5853-4d01-aac9-cbffaf26e9d9" providerId="ADAL" clId="{5754D399-F75C-4EF6-8CD4-B9479614D3E2}" dt="2021-10-28T11:57:44.039" v="547" actId="478"/>
          <ac:spMkLst>
            <pc:docMk/>
            <pc:sldMk cId="1687637954" sldId="323"/>
            <ac:spMk id="39" creationId="{71784CC5-29AF-472F-BBB2-7491DF421CF8}"/>
          </ac:spMkLst>
        </pc:spChg>
        <pc:spChg chg="del">
          <ac:chgData name="CHEUNG, Hiu Ching Athena [Student]" userId="03cc0922-5853-4d01-aac9-cbffaf26e9d9" providerId="ADAL" clId="{5754D399-F75C-4EF6-8CD4-B9479614D3E2}" dt="2021-10-28T11:57:44.039" v="547" actId="478"/>
          <ac:spMkLst>
            <pc:docMk/>
            <pc:sldMk cId="1687637954" sldId="323"/>
            <ac:spMk id="43" creationId="{A48E3E0C-EE4D-4950-99B9-276863F53D6D}"/>
          </ac:spMkLst>
        </pc:spChg>
        <pc:spChg chg="del">
          <ac:chgData name="CHEUNG, Hiu Ching Athena [Student]" userId="03cc0922-5853-4d01-aac9-cbffaf26e9d9" providerId="ADAL" clId="{5754D399-F75C-4EF6-8CD4-B9479614D3E2}" dt="2021-10-28T11:57:44.039" v="547" actId="478"/>
          <ac:spMkLst>
            <pc:docMk/>
            <pc:sldMk cId="1687637954" sldId="323"/>
            <ac:spMk id="44" creationId="{81390FB7-A869-4044-92BB-362E381297F7}"/>
          </ac:spMkLst>
        </pc:spChg>
        <pc:spChg chg="del">
          <ac:chgData name="CHEUNG, Hiu Ching Athena [Student]" userId="03cc0922-5853-4d01-aac9-cbffaf26e9d9" providerId="ADAL" clId="{5754D399-F75C-4EF6-8CD4-B9479614D3E2}" dt="2021-10-28T11:57:44.039" v="547" actId="478"/>
          <ac:spMkLst>
            <pc:docMk/>
            <pc:sldMk cId="1687637954" sldId="323"/>
            <ac:spMk id="71" creationId="{BE4C1A90-40F4-4EC7-BB49-0CDB677217F4}"/>
          </ac:spMkLst>
        </pc:spChg>
        <pc:spChg chg="mod">
          <ac:chgData name="CHEUNG, Hiu Ching Athena [Student]" userId="03cc0922-5853-4d01-aac9-cbffaf26e9d9" providerId="ADAL" clId="{5754D399-F75C-4EF6-8CD4-B9479614D3E2}" dt="2021-10-28T11:57:31.700" v="545" actId="20577"/>
          <ac:spMkLst>
            <pc:docMk/>
            <pc:sldMk cId="1687637954" sldId="323"/>
            <ac:spMk id="298" creationId="{00000000-0000-0000-0000-000000000000}"/>
          </ac:spMkLst>
        </pc:spChg>
        <pc:graphicFrameChg chg="del">
          <ac:chgData name="CHEUNG, Hiu Ching Athena [Student]" userId="03cc0922-5853-4d01-aac9-cbffaf26e9d9" providerId="ADAL" clId="{5754D399-F75C-4EF6-8CD4-B9479614D3E2}" dt="2021-10-28T11:57:40.674" v="546" actId="478"/>
          <ac:graphicFrameMkLst>
            <pc:docMk/>
            <pc:sldMk cId="1687637954" sldId="323"/>
            <ac:graphicFrameMk id="2" creationId="{BDF47525-78B1-48E8-A41E-D2E22CF5BEB2}"/>
          </ac:graphicFrameMkLst>
        </pc:graphicFrameChg>
        <pc:picChg chg="add mod">
          <ac:chgData name="CHEUNG, Hiu Ching Athena [Student]" userId="03cc0922-5853-4d01-aac9-cbffaf26e9d9" providerId="ADAL" clId="{5754D399-F75C-4EF6-8CD4-B9479614D3E2}" dt="2021-10-31T19:43:45.905" v="2538" actId="1076"/>
          <ac:picMkLst>
            <pc:docMk/>
            <pc:sldMk cId="1687637954" sldId="323"/>
            <ac:picMk id="5" creationId="{4FF05859-5A6D-480A-84FD-23D4C36A9E2B}"/>
          </ac:picMkLst>
        </pc:picChg>
        <pc:picChg chg="add mod">
          <ac:chgData name="CHEUNG, Hiu Ching Athena [Student]" userId="03cc0922-5853-4d01-aac9-cbffaf26e9d9" providerId="ADAL" clId="{5754D399-F75C-4EF6-8CD4-B9479614D3E2}" dt="2021-10-31T19:45:57.978" v="2573" actId="1076"/>
          <ac:picMkLst>
            <pc:docMk/>
            <pc:sldMk cId="1687637954" sldId="323"/>
            <ac:picMk id="14" creationId="{7CEB7E6D-A091-4ABA-B7A0-BAE162937905}"/>
          </ac:picMkLst>
        </pc:picChg>
        <pc:picChg chg="add mod">
          <ac:chgData name="CHEUNG, Hiu Ching Athena [Student]" userId="03cc0922-5853-4d01-aac9-cbffaf26e9d9" providerId="ADAL" clId="{5754D399-F75C-4EF6-8CD4-B9479614D3E2}" dt="2021-10-31T19:45:54.366" v="2572" actId="1076"/>
          <ac:picMkLst>
            <pc:docMk/>
            <pc:sldMk cId="1687637954" sldId="323"/>
            <ac:picMk id="16" creationId="{D73FF6AB-0387-40B5-A75D-629A0F2010F5}"/>
          </ac:picMkLst>
        </pc:picChg>
        <pc:picChg chg="add del mod">
          <ac:chgData name="CHEUNG, Hiu Ching Athena [Student]" userId="03cc0922-5853-4d01-aac9-cbffaf26e9d9" providerId="ADAL" clId="{5754D399-F75C-4EF6-8CD4-B9479614D3E2}" dt="2021-10-31T19:43:01.277" v="2525" actId="478"/>
          <ac:picMkLst>
            <pc:docMk/>
            <pc:sldMk cId="1687637954" sldId="323"/>
            <ac:picMk id="18" creationId="{4C2C1930-4A61-442A-A881-56C0AE8FE31E}"/>
          </ac:picMkLst>
        </pc:picChg>
        <pc:picChg chg="add del mod">
          <ac:chgData name="CHEUNG, Hiu Ching Athena [Student]" userId="03cc0922-5853-4d01-aac9-cbffaf26e9d9" providerId="ADAL" clId="{5754D399-F75C-4EF6-8CD4-B9479614D3E2}" dt="2021-10-31T19:43:00.164" v="2523" actId="478"/>
          <ac:picMkLst>
            <pc:docMk/>
            <pc:sldMk cId="1687637954" sldId="323"/>
            <ac:picMk id="20" creationId="{975E0254-30F8-4D83-9C14-85B1163E70F8}"/>
          </ac:picMkLst>
        </pc:picChg>
        <pc:picChg chg="add del mod">
          <ac:chgData name="CHEUNG, Hiu Ching Athena [Student]" userId="03cc0922-5853-4d01-aac9-cbffaf26e9d9" providerId="ADAL" clId="{5754D399-F75C-4EF6-8CD4-B9479614D3E2}" dt="2021-10-31T19:43:00.612" v="2524" actId="478"/>
          <ac:picMkLst>
            <pc:docMk/>
            <pc:sldMk cId="1687637954" sldId="323"/>
            <ac:picMk id="22" creationId="{50F3C0F1-E5C5-48AC-921B-44DA4206F270}"/>
          </ac:picMkLst>
        </pc:picChg>
        <pc:picChg chg="add mod">
          <ac:chgData name="CHEUNG, Hiu Ching Athena [Student]" userId="03cc0922-5853-4d01-aac9-cbffaf26e9d9" providerId="ADAL" clId="{5754D399-F75C-4EF6-8CD4-B9479614D3E2}" dt="2021-10-31T19:44:06.459" v="2541" actId="1076"/>
          <ac:picMkLst>
            <pc:docMk/>
            <pc:sldMk cId="1687637954" sldId="323"/>
            <ac:picMk id="24" creationId="{9ADB2EEC-F6AC-4F07-A365-E99A82CA361D}"/>
          </ac:picMkLst>
        </pc:picChg>
        <pc:cxnChg chg="del">
          <ac:chgData name="CHEUNG, Hiu Ching Athena [Student]" userId="03cc0922-5853-4d01-aac9-cbffaf26e9d9" providerId="ADAL" clId="{5754D399-F75C-4EF6-8CD4-B9479614D3E2}" dt="2021-10-28T11:57:46.885" v="548" actId="478"/>
          <ac:cxnSpMkLst>
            <pc:docMk/>
            <pc:sldMk cId="1687637954" sldId="323"/>
            <ac:cxnSpMk id="5" creationId="{3D722816-D3C6-40D3-83A4-F0BFE6B220B1}"/>
          </ac:cxnSpMkLst>
        </pc:cxnChg>
      </pc:sldChg>
      <pc:sldChg chg="modSp add del mod">
        <pc:chgData name="CHEUNG, Hiu Ching Athena [Student]" userId="03cc0922-5853-4d01-aac9-cbffaf26e9d9" providerId="ADAL" clId="{5754D399-F75C-4EF6-8CD4-B9479614D3E2}" dt="2021-11-01T05:09:57.748" v="4062" actId="47"/>
        <pc:sldMkLst>
          <pc:docMk/>
          <pc:sldMk cId="2784356874" sldId="324"/>
        </pc:sldMkLst>
        <pc:spChg chg="mod">
          <ac:chgData name="CHEUNG, Hiu Ching Athena [Student]" userId="03cc0922-5853-4d01-aac9-cbffaf26e9d9" providerId="ADAL" clId="{5754D399-F75C-4EF6-8CD4-B9479614D3E2}" dt="2021-10-28T12:01:10.375" v="735" actId="20577"/>
          <ac:spMkLst>
            <pc:docMk/>
            <pc:sldMk cId="2784356874" sldId="324"/>
            <ac:spMk id="22" creationId="{1AC53AC4-2315-4E8E-9305-93A5CDC8ED50}"/>
          </ac:spMkLst>
        </pc:spChg>
      </pc:sldChg>
      <pc:sldChg chg="addSp delSp modSp add mod ord">
        <pc:chgData name="CHEUNG, Hiu Ching Athena [Student]" userId="03cc0922-5853-4d01-aac9-cbffaf26e9d9" providerId="ADAL" clId="{5754D399-F75C-4EF6-8CD4-B9479614D3E2}" dt="2021-10-31T15:00:47.402" v="1723" actId="1076"/>
        <pc:sldMkLst>
          <pc:docMk/>
          <pc:sldMk cId="4091188024" sldId="325"/>
        </pc:sldMkLst>
        <pc:picChg chg="add del mod">
          <ac:chgData name="CHEUNG, Hiu Ching Athena [Student]" userId="03cc0922-5853-4d01-aac9-cbffaf26e9d9" providerId="ADAL" clId="{5754D399-F75C-4EF6-8CD4-B9479614D3E2}" dt="2021-10-31T14:46:31.572" v="1669" actId="478"/>
          <ac:picMkLst>
            <pc:docMk/>
            <pc:sldMk cId="4091188024" sldId="325"/>
            <ac:picMk id="3" creationId="{62BC0BB5-F214-4F57-83EB-4BE81CC7ECB1}"/>
          </ac:picMkLst>
        </pc:picChg>
        <pc:picChg chg="del">
          <ac:chgData name="CHEUNG, Hiu Ching Athena [Student]" userId="03cc0922-5853-4d01-aac9-cbffaf26e9d9" providerId="ADAL" clId="{5754D399-F75C-4EF6-8CD4-B9479614D3E2}" dt="2021-10-29T09:21:37.202" v="747" actId="478"/>
          <ac:picMkLst>
            <pc:docMk/>
            <pc:sldMk cId="4091188024" sldId="325"/>
            <ac:picMk id="3" creationId="{CB32B2E9-08AD-4BAC-9260-CE257369BF1C}"/>
          </ac:picMkLst>
        </pc:picChg>
        <pc:picChg chg="add del mod">
          <ac:chgData name="CHEUNG, Hiu Ching Athena [Student]" userId="03cc0922-5853-4d01-aac9-cbffaf26e9d9" providerId="ADAL" clId="{5754D399-F75C-4EF6-8CD4-B9479614D3E2}" dt="2021-10-31T13:43:18.279" v="1597" actId="478"/>
          <ac:picMkLst>
            <pc:docMk/>
            <pc:sldMk cId="4091188024" sldId="325"/>
            <ac:picMk id="4" creationId="{E22B9070-B256-4EB9-B3BC-98F1E16E5C32}"/>
          </ac:picMkLst>
        </pc:picChg>
        <pc:picChg chg="add del mod">
          <ac:chgData name="CHEUNG, Hiu Ching Athena [Student]" userId="03cc0922-5853-4d01-aac9-cbffaf26e9d9" providerId="ADAL" clId="{5754D399-F75C-4EF6-8CD4-B9479614D3E2}" dt="2021-10-31T14:59:39.674" v="1718" actId="478"/>
          <ac:picMkLst>
            <pc:docMk/>
            <pc:sldMk cId="4091188024" sldId="325"/>
            <ac:picMk id="6" creationId="{AE9F11A9-F8CF-452B-A0A1-DAE913484C17}"/>
          </ac:picMkLst>
        </pc:picChg>
        <pc:picChg chg="add mod">
          <ac:chgData name="CHEUNG, Hiu Ching Athena [Student]" userId="03cc0922-5853-4d01-aac9-cbffaf26e9d9" providerId="ADAL" clId="{5754D399-F75C-4EF6-8CD4-B9479614D3E2}" dt="2021-10-31T15:00:47.402" v="1723" actId="1076"/>
          <ac:picMkLst>
            <pc:docMk/>
            <pc:sldMk cId="4091188024" sldId="325"/>
            <ac:picMk id="8" creationId="{4034C938-047A-4D81-A2F2-76DD51BCB15C}"/>
          </ac:picMkLst>
        </pc:picChg>
      </pc:sldChg>
      <pc:sldChg chg="addSp delSp modSp add mod">
        <pc:chgData name="CHEUNG, Hiu Ching Athena [Student]" userId="03cc0922-5853-4d01-aac9-cbffaf26e9d9" providerId="ADAL" clId="{5754D399-F75C-4EF6-8CD4-B9479614D3E2}" dt="2021-10-31T19:10:58.696" v="2025" actId="1076"/>
        <pc:sldMkLst>
          <pc:docMk/>
          <pc:sldMk cId="1337483372" sldId="326"/>
        </pc:sldMkLst>
        <pc:picChg chg="add del mod">
          <ac:chgData name="CHEUNG, Hiu Ching Athena [Student]" userId="03cc0922-5853-4d01-aac9-cbffaf26e9d9" providerId="ADAL" clId="{5754D399-F75C-4EF6-8CD4-B9479614D3E2}" dt="2021-10-31T14:58:51.249" v="1711" actId="478"/>
          <ac:picMkLst>
            <pc:docMk/>
            <pc:sldMk cId="1337483372" sldId="326"/>
            <ac:picMk id="3" creationId="{FDB6376B-9038-4130-B193-AADE38979FC4}"/>
          </ac:picMkLst>
        </pc:picChg>
        <pc:picChg chg="del">
          <ac:chgData name="CHEUNG, Hiu Ching Athena [Student]" userId="03cc0922-5853-4d01-aac9-cbffaf26e9d9" providerId="ADAL" clId="{5754D399-F75C-4EF6-8CD4-B9479614D3E2}" dt="2021-10-29T09:31:40.969" v="758" actId="478"/>
          <ac:picMkLst>
            <pc:docMk/>
            <pc:sldMk cId="1337483372" sldId="326"/>
            <ac:picMk id="4" creationId="{E22B9070-B256-4EB9-B3BC-98F1E16E5C32}"/>
          </ac:picMkLst>
        </pc:picChg>
        <pc:picChg chg="add del mod modCrop">
          <ac:chgData name="CHEUNG, Hiu Ching Athena [Student]" userId="03cc0922-5853-4d01-aac9-cbffaf26e9d9" providerId="ADAL" clId="{5754D399-F75C-4EF6-8CD4-B9479614D3E2}" dt="2021-10-31T15:01:30.977" v="1725" actId="478"/>
          <ac:picMkLst>
            <pc:docMk/>
            <pc:sldMk cId="1337483372" sldId="326"/>
            <ac:picMk id="5" creationId="{72267314-A776-4177-B338-A31CFA2474A5}"/>
          </ac:picMkLst>
        </pc:picChg>
        <pc:picChg chg="add del mod modCrop">
          <ac:chgData name="CHEUNG, Hiu Ching Athena [Student]" userId="03cc0922-5853-4d01-aac9-cbffaf26e9d9" providerId="ADAL" clId="{5754D399-F75C-4EF6-8CD4-B9479614D3E2}" dt="2021-10-31T13:44:16.688" v="1602" actId="478"/>
          <ac:picMkLst>
            <pc:docMk/>
            <pc:sldMk cId="1337483372" sldId="326"/>
            <ac:picMk id="6" creationId="{9A12B1A6-C4C0-4CA8-AC53-08A865D666D7}"/>
          </ac:picMkLst>
        </pc:picChg>
        <pc:picChg chg="add mod">
          <ac:chgData name="CHEUNG, Hiu Ching Athena [Student]" userId="03cc0922-5853-4d01-aac9-cbffaf26e9d9" providerId="ADAL" clId="{5754D399-F75C-4EF6-8CD4-B9479614D3E2}" dt="2021-10-31T19:10:55.146" v="2023" actId="1076"/>
          <ac:picMkLst>
            <pc:docMk/>
            <pc:sldMk cId="1337483372" sldId="326"/>
            <ac:picMk id="8" creationId="{BBF1441D-BBEF-43B9-92FC-C871B87D26B2}"/>
          </ac:picMkLst>
        </pc:picChg>
        <pc:picChg chg="add mod">
          <ac:chgData name="CHEUNG, Hiu Ching Athena [Student]" userId="03cc0922-5853-4d01-aac9-cbffaf26e9d9" providerId="ADAL" clId="{5754D399-F75C-4EF6-8CD4-B9479614D3E2}" dt="2021-10-31T19:10:58.696" v="2025" actId="1076"/>
          <ac:picMkLst>
            <pc:docMk/>
            <pc:sldMk cId="1337483372" sldId="326"/>
            <ac:picMk id="10" creationId="{BD4DD69D-7AB9-4DD9-88CA-E60246BCF17A}"/>
          </ac:picMkLst>
        </pc:picChg>
        <pc:picChg chg="add mod">
          <ac:chgData name="CHEUNG, Hiu Ching Athena [Student]" userId="03cc0922-5853-4d01-aac9-cbffaf26e9d9" providerId="ADAL" clId="{5754D399-F75C-4EF6-8CD4-B9479614D3E2}" dt="2021-10-31T19:10:56.746" v="2024" actId="1076"/>
          <ac:picMkLst>
            <pc:docMk/>
            <pc:sldMk cId="1337483372" sldId="326"/>
            <ac:picMk id="11" creationId="{EA39CAE5-0A76-4FAF-B7D5-058BF94612F3}"/>
          </ac:picMkLst>
        </pc:picChg>
        <pc:picChg chg="add del mod">
          <ac:chgData name="CHEUNG, Hiu Ching Athena [Student]" userId="03cc0922-5853-4d01-aac9-cbffaf26e9d9" providerId="ADAL" clId="{5754D399-F75C-4EF6-8CD4-B9479614D3E2}" dt="2021-10-31T19:10:34.789" v="2017" actId="478"/>
          <ac:picMkLst>
            <pc:docMk/>
            <pc:sldMk cId="1337483372" sldId="326"/>
            <ac:picMk id="12" creationId="{06F618CD-B1CB-491D-9335-7288A8D44B3A}"/>
          </ac:picMkLst>
        </pc:picChg>
      </pc:sldChg>
      <pc:sldChg chg="add">
        <pc:chgData name="CHEUNG, Hiu Ching Athena [Student]" userId="03cc0922-5853-4d01-aac9-cbffaf26e9d9" providerId="ADAL" clId="{5754D399-F75C-4EF6-8CD4-B9479614D3E2}" dt="2021-10-31T14:05:01.374" v="1613"/>
        <pc:sldMkLst>
          <pc:docMk/>
          <pc:sldMk cId="268773663" sldId="329"/>
        </pc:sldMkLst>
      </pc:sldChg>
      <pc:sldChg chg="addSp delSp modSp add mod modAnim">
        <pc:chgData name="CHEUNG, Hiu Ching Athena [Student]" userId="03cc0922-5853-4d01-aac9-cbffaf26e9d9" providerId="ADAL" clId="{5754D399-F75C-4EF6-8CD4-B9479614D3E2}" dt="2021-10-31T19:56:31.104" v="2810" actId="1076"/>
        <pc:sldMkLst>
          <pc:docMk/>
          <pc:sldMk cId="1123917394" sldId="329"/>
        </pc:sldMkLst>
        <pc:spChg chg="del mod">
          <ac:chgData name="CHEUNG, Hiu Ching Athena [Student]" userId="03cc0922-5853-4d01-aac9-cbffaf26e9d9" providerId="ADAL" clId="{5754D399-F75C-4EF6-8CD4-B9479614D3E2}" dt="2021-10-31T19:33:40.954" v="2471" actId="478"/>
          <ac:spMkLst>
            <pc:docMk/>
            <pc:sldMk cId="1123917394" sldId="329"/>
            <ac:spMk id="2" creationId="{5A6F5C09-3EC0-44BA-9143-5BD8A460A166}"/>
          </ac:spMkLst>
        </pc:spChg>
        <pc:spChg chg="del">
          <ac:chgData name="CHEUNG, Hiu Ching Athena [Student]" userId="03cc0922-5853-4d01-aac9-cbffaf26e9d9" providerId="ADAL" clId="{5754D399-F75C-4EF6-8CD4-B9479614D3E2}" dt="2021-10-31T19:41:53.346" v="2504" actId="478"/>
          <ac:spMkLst>
            <pc:docMk/>
            <pc:sldMk cId="1123917394" sldId="329"/>
            <ac:spMk id="3" creationId="{7E94F3FC-8784-44CF-8A94-FABFC68AFEAC}"/>
          </ac:spMkLst>
        </pc:spChg>
        <pc:spChg chg="del">
          <ac:chgData name="CHEUNG, Hiu Ching Athena [Student]" userId="03cc0922-5853-4d01-aac9-cbffaf26e9d9" providerId="ADAL" clId="{5754D399-F75C-4EF6-8CD4-B9479614D3E2}" dt="2021-10-31T19:42:08.185" v="2508" actId="478"/>
          <ac:spMkLst>
            <pc:docMk/>
            <pc:sldMk cId="1123917394" sldId="329"/>
            <ac:spMk id="6" creationId="{361DB6CD-AA11-4ECA-914B-CF5D4AC6BEE3}"/>
          </ac:spMkLst>
        </pc:spChg>
        <pc:spChg chg="mod">
          <ac:chgData name="CHEUNG, Hiu Ching Athena [Student]" userId="03cc0922-5853-4d01-aac9-cbffaf26e9d9" providerId="ADAL" clId="{5754D399-F75C-4EF6-8CD4-B9479614D3E2}" dt="2021-10-31T19:46:28.064" v="2577" actId="1076"/>
          <ac:spMkLst>
            <pc:docMk/>
            <pc:sldMk cId="1123917394" sldId="329"/>
            <ac:spMk id="8" creationId="{1C06BFEF-F598-49BE-BC64-66BF71066E68}"/>
          </ac:spMkLst>
        </pc:spChg>
        <pc:spChg chg="mod">
          <ac:chgData name="CHEUNG, Hiu Ching Athena [Student]" userId="03cc0922-5853-4d01-aac9-cbffaf26e9d9" providerId="ADAL" clId="{5754D399-F75C-4EF6-8CD4-B9479614D3E2}" dt="2021-10-31T19:54:31.437" v="2789" actId="1076"/>
          <ac:spMkLst>
            <pc:docMk/>
            <pc:sldMk cId="1123917394" sldId="329"/>
            <ac:spMk id="9" creationId="{3246515D-8394-41B0-9901-03FE9F5536BE}"/>
          </ac:spMkLst>
        </pc:spChg>
        <pc:spChg chg="mod">
          <ac:chgData name="CHEUNG, Hiu Ching Athena [Student]" userId="03cc0922-5853-4d01-aac9-cbffaf26e9d9" providerId="ADAL" clId="{5754D399-F75C-4EF6-8CD4-B9479614D3E2}" dt="2021-10-31T19:56:31.104" v="2810" actId="1076"/>
          <ac:spMkLst>
            <pc:docMk/>
            <pc:sldMk cId="1123917394" sldId="329"/>
            <ac:spMk id="10" creationId="{32172051-E441-4B7B-B7E2-1CA36830D09C}"/>
          </ac:spMkLst>
        </pc:spChg>
        <pc:spChg chg="del">
          <ac:chgData name="CHEUNG, Hiu Ching Athena [Student]" userId="03cc0922-5853-4d01-aac9-cbffaf26e9d9" providerId="ADAL" clId="{5754D399-F75C-4EF6-8CD4-B9479614D3E2}" dt="2021-10-31T19:42:45.461" v="2519" actId="478"/>
          <ac:spMkLst>
            <pc:docMk/>
            <pc:sldMk cId="1123917394" sldId="329"/>
            <ac:spMk id="11" creationId="{896EE3BB-DD1F-4993-960A-678BBB7E690F}"/>
          </ac:spMkLst>
        </pc:spChg>
        <pc:spChg chg="mod">
          <ac:chgData name="CHEUNG, Hiu Ching Athena [Student]" userId="03cc0922-5853-4d01-aac9-cbffaf26e9d9" providerId="ADAL" clId="{5754D399-F75C-4EF6-8CD4-B9479614D3E2}" dt="2021-10-31T19:50:38.843" v="2667" actId="1076"/>
          <ac:spMkLst>
            <pc:docMk/>
            <pc:sldMk cId="1123917394" sldId="329"/>
            <ac:spMk id="12" creationId="{DE17117A-3FDF-4351-9536-31BB52AF00D0}"/>
          </ac:spMkLst>
        </pc:spChg>
        <pc:spChg chg="add mod">
          <ac:chgData name="CHEUNG, Hiu Ching Athena [Student]" userId="03cc0922-5853-4d01-aac9-cbffaf26e9d9" providerId="ADAL" clId="{5754D399-F75C-4EF6-8CD4-B9479614D3E2}" dt="2021-10-31T19:47:27.729" v="2591" actId="1076"/>
          <ac:spMkLst>
            <pc:docMk/>
            <pc:sldMk cId="1123917394" sldId="329"/>
            <ac:spMk id="19" creationId="{A6C1264A-AD68-4D16-B7A4-4EA29CF0B55E}"/>
          </ac:spMkLst>
        </pc:spChg>
        <pc:spChg chg="add mod">
          <ac:chgData name="CHEUNG, Hiu Ching Athena [Student]" userId="03cc0922-5853-4d01-aac9-cbffaf26e9d9" providerId="ADAL" clId="{5754D399-F75C-4EF6-8CD4-B9479614D3E2}" dt="2021-10-31T19:47:31.864" v="2593" actId="1076"/>
          <ac:spMkLst>
            <pc:docMk/>
            <pc:sldMk cId="1123917394" sldId="329"/>
            <ac:spMk id="21" creationId="{DAF24F4C-B369-42E8-9A59-22C80A685C4F}"/>
          </ac:spMkLst>
        </pc:spChg>
        <pc:spChg chg="add mod">
          <ac:chgData name="CHEUNG, Hiu Ching Athena [Student]" userId="03cc0922-5853-4d01-aac9-cbffaf26e9d9" providerId="ADAL" clId="{5754D399-F75C-4EF6-8CD4-B9479614D3E2}" dt="2021-10-31T19:54:31.437" v="2789" actId="1076"/>
          <ac:spMkLst>
            <pc:docMk/>
            <pc:sldMk cId="1123917394" sldId="329"/>
            <ac:spMk id="23" creationId="{5D9C6534-6F28-455B-9F26-B15CFEFF9FF5}"/>
          </ac:spMkLst>
        </pc:spChg>
        <pc:spChg chg="add del mod">
          <ac:chgData name="CHEUNG, Hiu Ching Athena [Student]" userId="03cc0922-5853-4d01-aac9-cbffaf26e9d9" providerId="ADAL" clId="{5754D399-F75C-4EF6-8CD4-B9479614D3E2}" dt="2021-10-31T19:48:02.013" v="2600" actId="478"/>
          <ac:spMkLst>
            <pc:docMk/>
            <pc:sldMk cId="1123917394" sldId="329"/>
            <ac:spMk id="24" creationId="{B16BFAA1-B75D-42C7-A22F-FFFFB2E8FF3F}"/>
          </ac:spMkLst>
        </pc:spChg>
        <pc:spChg chg="add mod">
          <ac:chgData name="CHEUNG, Hiu Ching Athena [Student]" userId="03cc0922-5853-4d01-aac9-cbffaf26e9d9" providerId="ADAL" clId="{5754D399-F75C-4EF6-8CD4-B9479614D3E2}" dt="2021-10-31T19:54:31.437" v="2789" actId="1076"/>
          <ac:spMkLst>
            <pc:docMk/>
            <pc:sldMk cId="1123917394" sldId="329"/>
            <ac:spMk id="25" creationId="{28A25EFA-07A8-4DD1-9CA4-2BB994C58D10}"/>
          </ac:spMkLst>
        </pc:spChg>
        <pc:picChg chg="del">
          <ac:chgData name="CHEUNG, Hiu Ching Athena [Student]" userId="03cc0922-5853-4d01-aac9-cbffaf26e9d9" providerId="ADAL" clId="{5754D399-F75C-4EF6-8CD4-B9479614D3E2}" dt="2021-10-31T19:33:39.318" v="2469" actId="478"/>
          <ac:picMkLst>
            <pc:docMk/>
            <pc:sldMk cId="1123917394" sldId="329"/>
            <ac:picMk id="5" creationId="{4FF05859-5A6D-480A-84FD-23D4C36A9E2B}"/>
          </ac:picMkLst>
        </pc:picChg>
        <pc:picChg chg="add mod">
          <ac:chgData name="CHEUNG, Hiu Ching Athena [Student]" userId="03cc0922-5853-4d01-aac9-cbffaf26e9d9" providerId="ADAL" clId="{5754D399-F75C-4EF6-8CD4-B9479614D3E2}" dt="2021-10-31T19:55:06.595" v="2794" actId="208"/>
          <ac:picMkLst>
            <pc:docMk/>
            <pc:sldMk cId="1123917394" sldId="329"/>
            <ac:picMk id="13" creationId="{39BF24AA-8908-4029-81B2-6E074B397650}"/>
          </ac:picMkLst>
        </pc:picChg>
        <pc:picChg chg="del">
          <ac:chgData name="CHEUNG, Hiu Ching Athena [Student]" userId="03cc0922-5853-4d01-aac9-cbffaf26e9d9" providerId="ADAL" clId="{5754D399-F75C-4EF6-8CD4-B9479614D3E2}" dt="2021-10-31T19:42:08.755" v="2509" actId="478"/>
          <ac:picMkLst>
            <pc:docMk/>
            <pc:sldMk cId="1123917394" sldId="329"/>
            <ac:picMk id="14" creationId="{7CEB7E6D-A091-4ABA-B7A0-BAE162937905}"/>
          </ac:picMkLst>
        </pc:picChg>
        <pc:picChg chg="del mod">
          <ac:chgData name="CHEUNG, Hiu Ching Athena [Student]" userId="03cc0922-5853-4d01-aac9-cbffaf26e9d9" providerId="ADAL" clId="{5754D399-F75C-4EF6-8CD4-B9479614D3E2}" dt="2021-10-31T19:42:22.348" v="2512" actId="478"/>
          <ac:picMkLst>
            <pc:docMk/>
            <pc:sldMk cId="1123917394" sldId="329"/>
            <ac:picMk id="16" creationId="{D73FF6AB-0387-40B5-A75D-629A0F2010F5}"/>
          </ac:picMkLst>
        </pc:picChg>
        <pc:picChg chg="mod">
          <ac:chgData name="CHEUNG, Hiu Ching Athena [Student]" userId="03cc0922-5853-4d01-aac9-cbffaf26e9d9" providerId="ADAL" clId="{5754D399-F75C-4EF6-8CD4-B9479614D3E2}" dt="2021-10-31T19:56:28.265" v="2809" actId="1076"/>
          <ac:picMkLst>
            <pc:docMk/>
            <pc:sldMk cId="1123917394" sldId="329"/>
            <ac:picMk id="18" creationId="{4C2C1930-4A61-442A-A881-56C0AE8FE31E}"/>
          </ac:picMkLst>
        </pc:picChg>
        <pc:picChg chg="mod">
          <ac:chgData name="CHEUNG, Hiu Ching Athena [Student]" userId="03cc0922-5853-4d01-aac9-cbffaf26e9d9" providerId="ADAL" clId="{5754D399-F75C-4EF6-8CD4-B9479614D3E2}" dt="2021-10-31T19:46:28.064" v="2577" actId="1076"/>
          <ac:picMkLst>
            <pc:docMk/>
            <pc:sldMk cId="1123917394" sldId="329"/>
            <ac:picMk id="20" creationId="{975E0254-30F8-4D83-9C14-85B1163E70F8}"/>
          </ac:picMkLst>
        </pc:picChg>
        <pc:picChg chg="mod">
          <ac:chgData name="CHEUNG, Hiu Ching Athena [Student]" userId="03cc0922-5853-4d01-aac9-cbffaf26e9d9" providerId="ADAL" clId="{5754D399-F75C-4EF6-8CD4-B9479614D3E2}" dt="2021-10-31T19:50:34.514" v="2666" actId="1076"/>
          <ac:picMkLst>
            <pc:docMk/>
            <pc:sldMk cId="1123917394" sldId="329"/>
            <ac:picMk id="22" creationId="{50F3C0F1-E5C5-48AC-921B-44DA4206F270}"/>
          </ac:picMkLst>
        </pc:picChg>
      </pc:sldChg>
      <pc:sldChg chg="new del">
        <pc:chgData name="CHEUNG, Hiu Ching Athena [Student]" userId="03cc0922-5853-4d01-aac9-cbffaf26e9d9" providerId="ADAL" clId="{5754D399-F75C-4EF6-8CD4-B9479614D3E2}" dt="2021-10-31T19:11:33.683" v="2028" actId="47"/>
        <pc:sldMkLst>
          <pc:docMk/>
          <pc:sldMk cId="1440797101" sldId="330"/>
        </pc:sldMkLst>
      </pc:sldChg>
      <pc:sldMasterChg chg="addSldLayout delSldLayout modSldLayout">
        <pc:chgData name="CHEUNG, Hiu Ching Athena [Student]" userId="03cc0922-5853-4d01-aac9-cbffaf26e9d9" providerId="ADAL" clId="{5754D399-F75C-4EF6-8CD4-B9479614D3E2}" dt="2021-10-31T19:14:33.840" v="2071" actId="2696"/>
        <pc:sldMasterMkLst>
          <pc:docMk/>
          <pc:sldMasterMk cId="0" sldId="2147483669"/>
        </pc:sldMasterMkLst>
        <pc:sldLayoutChg chg="new mod">
          <pc:chgData name="CHEUNG, Hiu Ching Athena [Student]" userId="03cc0922-5853-4d01-aac9-cbffaf26e9d9" providerId="ADAL" clId="{5754D399-F75C-4EF6-8CD4-B9479614D3E2}" dt="2021-10-31T19:14:27.777" v="2069" actId="11236"/>
          <pc:sldLayoutMkLst>
            <pc:docMk/>
            <pc:sldMasterMk cId="0" sldId="2147483669"/>
            <pc:sldLayoutMk cId="1279729576" sldId="2147483668"/>
          </pc:sldLayoutMkLst>
        </pc:sldLayoutChg>
        <pc:sldLayoutChg chg="new del mod replId">
          <pc:chgData name="CHEUNG, Hiu Ching Athena [Student]" userId="03cc0922-5853-4d01-aac9-cbffaf26e9d9" providerId="ADAL" clId="{5754D399-F75C-4EF6-8CD4-B9479614D3E2}" dt="2021-10-31T19:14:33.840" v="2071" actId="2696"/>
          <pc:sldLayoutMkLst>
            <pc:docMk/>
            <pc:sldMasterMk cId="0" sldId="2147483669"/>
            <pc:sldLayoutMk cId="3558929000" sldId="2147483670"/>
          </pc:sldLayoutMkLst>
        </pc:sldLayoutChg>
      </pc:sldMasterChg>
    </pc:docChg>
  </pc:docChgLst>
  <pc:docChgLst>
    <pc:chgData name="LIU, SumYin [Student]" userId="249ac7fb-9f50-4d2f-a0f3-c92e4dbde324" providerId="ADAL" clId="{6070ACD4-C5F1-C042-B3EE-C74E792D1553}"/>
    <pc:docChg chg="undo custSel addSld delSld modSld sldOrd modMainMaster">
      <pc:chgData name="LIU, SumYin [Student]" userId="249ac7fb-9f50-4d2f-a0f3-c92e4dbde324" providerId="ADAL" clId="{6070ACD4-C5F1-C042-B3EE-C74E792D1553}" dt="2021-08-19T14:35:33.977" v="626" actId="2696"/>
      <pc:docMkLst>
        <pc:docMk/>
      </pc:docMkLst>
      <pc:sldChg chg="addSp delSp modSp mod setBg">
        <pc:chgData name="LIU, SumYin [Student]" userId="249ac7fb-9f50-4d2f-a0f3-c92e4dbde324" providerId="ADAL" clId="{6070ACD4-C5F1-C042-B3EE-C74E792D1553}" dt="2021-08-19T09:40:54.892" v="430" actId="20577"/>
        <pc:sldMkLst>
          <pc:docMk/>
          <pc:sldMk cId="0" sldId="256"/>
        </pc:sldMkLst>
        <pc:spChg chg="add del mod">
          <ac:chgData name="LIU, SumYin [Student]" userId="249ac7fb-9f50-4d2f-a0f3-c92e4dbde324" providerId="ADAL" clId="{6070ACD4-C5F1-C042-B3EE-C74E792D1553}" dt="2021-08-17T19:30:21.878" v="17"/>
          <ac:spMkLst>
            <pc:docMk/>
            <pc:sldMk cId="0" sldId="256"/>
            <ac:spMk id="2" creationId="{B2EAD766-06DF-B540-9258-762460E47E31}"/>
          </ac:spMkLst>
        </pc:spChg>
        <pc:spChg chg="mod">
          <ac:chgData name="LIU, SumYin [Student]" userId="249ac7fb-9f50-4d2f-a0f3-c92e4dbde324" providerId="ADAL" clId="{6070ACD4-C5F1-C042-B3EE-C74E792D1553}" dt="2021-08-17T19:46:17.391" v="97" actId="1036"/>
          <ac:spMkLst>
            <pc:docMk/>
            <pc:sldMk cId="0" sldId="256"/>
            <ac:spMk id="119" creationId="{00000000-0000-0000-0000-000000000000}"/>
          </ac:spMkLst>
        </pc:spChg>
        <pc:spChg chg="mod">
          <ac:chgData name="LIU, SumYin [Student]" userId="249ac7fb-9f50-4d2f-a0f3-c92e4dbde324" providerId="ADAL" clId="{6070ACD4-C5F1-C042-B3EE-C74E792D1553}" dt="2021-08-19T09:40:54.892" v="430" actId="20577"/>
          <ac:spMkLst>
            <pc:docMk/>
            <pc:sldMk cId="0" sldId="256"/>
            <ac:spMk id="190" creationId="{00000000-0000-0000-0000-000000000000}"/>
          </ac:spMkLst>
        </pc:spChg>
        <pc:picChg chg="del">
          <ac:chgData name="LIU, SumYin [Student]" userId="249ac7fb-9f50-4d2f-a0f3-c92e4dbde324" providerId="ADAL" clId="{6070ACD4-C5F1-C042-B3EE-C74E792D1553}" dt="2021-08-17T19:46:20.452" v="98" actId="478"/>
          <ac:picMkLst>
            <pc:docMk/>
            <pc:sldMk cId="0" sldId="256"/>
            <ac:picMk id="76" creationId="{FBBB41FC-571A-4B41-B92B-9DB4EE2C5918}"/>
          </ac:picMkLst>
        </pc:picChg>
        <pc:picChg chg="del">
          <ac:chgData name="LIU, SumYin [Student]" userId="249ac7fb-9f50-4d2f-a0f3-c92e4dbde324" providerId="ADAL" clId="{6070ACD4-C5F1-C042-B3EE-C74E792D1553}" dt="2021-08-17T19:44:48.409" v="69" actId="478"/>
          <ac:picMkLst>
            <pc:docMk/>
            <pc:sldMk cId="0" sldId="256"/>
            <ac:picMk id="1026" creationId="{6185F168-9930-4E35-8D84-01A8B7E2853E}"/>
          </ac:picMkLst>
        </pc:picChg>
      </pc:sldChg>
      <pc:sldChg chg="addSp delSp modSp mod">
        <pc:chgData name="LIU, SumYin [Student]" userId="249ac7fb-9f50-4d2f-a0f3-c92e4dbde324" providerId="ADAL" clId="{6070ACD4-C5F1-C042-B3EE-C74E792D1553}" dt="2021-08-17T19:49:55.197" v="173" actId="478"/>
        <pc:sldMkLst>
          <pc:docMk/>
          <pc:sldMk cId="0" sldId="258"/>
        </pc:sldMkLst>
        <pc:spChg chg="add del">
          <ac:chgData name="LIU, SumYin [Student]" userId="249ac7fb-9f50-4d2f-a0f3-c92e4dbde324" providerId="ADAL" clId="{6070ACD4-C5F1-C042-B3EE-C74E792D1553}" dt="2021-08-17T19:49:55.197" v="173" actId="478"/>
          <ac:spMkLst>
            <pc:docMk/>
            <pc:sldMk cId="0" sldId="258"/>
            <ac:spMk id="203" creationId="{00000000-0000-0000-0000-000000000000}"/>
          </ac:spMkLst>
        </pc:spChg>
        <pc:spChg chg="mod">
          <ac:chgData name="LIU, SumYin [Student]" userId="249ac7fb-9f50-4d2f-a0f3-c92e4dbde324" providerId="ADAL" clId="{6070ACD4-C5F1-C042-B3EE-C74E792D1553}" dt="2021-08-17T19:46:33.592" v="129" actId="1036"/>
          <ac:spMkLst>
            <pc:docMk/>
            <pc:sldMk cId="0" sldId="258"/>
            <ac:spMk id="210" creationId="{00000000-0000-0000-0000-000000000000}"/>
          </ac:spMkLst>
        </pc:spChg>
        <pc:picChg chg="del">
          <ac:chgData name="LIU, SumYin [Student]" userId="249ac7fb-9f50-4d2f-a0f3-c92e4dbde324" providerId="ADAL" clId="{6070ACD4-C5F1-C042-B3EE-C74E792D1553}" dt="2021-08-17T19:46:40.121" v="131" actId="478"/>
          <ac:picMkLst>
            <pc:docMk/>
            <pc:sldMk cId="0" sldId="258"/>
            <ac:picMk id="2" creationId="{641D9F89-393D-44C4-BBAB-8F91A4E89F59}"/>
          </ac:picMkLst>
        </pc:picChg>
        <pc:picChg chg="del">
          <ac:chgData name="LIU, SumYin [Student]" userId="249ac7fb-9f50-4d2f-a0f3-c92e4dbde324" providerId="ADAL" clId="{6070ACD4-C5F1-C042-B3EE-C74E792D1553}" dt="2021-08-17T19:46:38.254" v="130" actId="478"/>
          <ac:picMkLst>
            <pc:docMk/>
            <pc:sldMk cId="0" sldId="258"/>
            <ac:picMk id="3" creationId="{4E3DAE67-4B80-4347-8AA3-B04F5AA48C41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0:30.843" v="177" actId="478"/>
        <pc:sldMkLst>
          <pc:docMk/>
          <pc:sldMk cId="0" sldId="263"/>
        </pc:sldMkLst>
        <pc:picChg chg="del">
          <ac:chgData name="LIU, SumYin [Student]" userId="249ac7fb-9f50-4d2f-a0f3-c92e4dbde324" providerId="ADAL" clId="{6070ACD4-C5F1-C042-B3EE-C74E792D1553}" dt="2021-08-17T19:50:30.843" v="177" actId="478"/>
          <ac:picMkLst>
            <pc:docMk/>
            <pc:sldMk cId="0" sldId="263"/>
            <ac:picMk id="8" creationId="{FB10DAFF-4081-4A33-ADBD-E103BF015E16}"/>
          </ac:picMkLst>
        </pc:picChg>
        <pc:picChg chg="del">
          <ac:chgData name="LIU, SumYin [Student]" userId="249ac7fb-9f50-4d2f-a0f3-c92e4dbde324" providerId="ADAL" clId="{6070ACD4-C5F1-C042-B3EE-C74E792D1553}" dt="2021-08-17T19:50:28.338" v="176" actId="478"/>
          <ac:picMkLst>
            <pc:docMk/>
            <pc:sldMk cId="0" sldId="263"/>
            <ac:picMk id="9" creationId="{783DF61C-E1EF-4B71-B694-20D941FC8164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0:43.344" v="183" actId="478"/>
        <pc:sldMkLst>
          <pc:docMk/>
          <pc:sldMk cId="3277186160" sldId="296"/>
        </pc:sldMkLst>
        <pc:picChg chg="del">
          <ac:chgData name="LIU, SumYin [Student]" userId="249ac7fb-9f50-4d2f-a0f3-c92e4dbde324" providerId="ADAL" clId="{6070ACD4-C5F1-C042-B3EE-C74E792D1553}" dt="2021-08-17T19:50:43.344" v="183" actId="478"/>
          <ac:picMkLst>
            <pc:docMk/>
            <pc:sldMk cId="3277186160" sldId="296"/>
            <ac:picMk id="10" creationId="{2F5475F3-5C8F-4F18-92DE-411FB6B25DC3}"/>
          </ac:picMkLst>
        </pc:picChg>
        <pc:picChg chg="del">
          <ac:chgData name="LIU, SumYin [Student]" userId="249ac7fb-9f50-4d2f-a0f3-c92e4dbde324" providerId="ADAL" clId="{6070ACD4-C5F1-C042-B3EE-C74E792D1553}" dt="2021-08-17T19:50:41.879" v="182" actId="478"/>
          <ac:picMkLst>
            <pc:docMk/>
            <pc:sldMk cId="3277186160" sldId="296"/>
            <ac:picMk id="11" creationId="{D02355AF-3908-4EF4-95DA-AFD6C9DB95F0}"/>
          </ac:picMkLst>
        </pc:picChg>
      </pc:sldChg>
      <pc:sldChg chg="delSp modSp mod">
        <pc:chgData name="LIU, SumYin [Student]" userId="249ac7fb-9f50-4d2f-a0f3-c92e4dbde324" providerId="ADAL" clId="{6070ACD4-C5F1-C042-B3EE-C74E792D1553}" dt="2021-08-17T19:50:54.420" v="188" actId="478"/>
        <pc:sldMkLst>
          <pc:docMk/>
          <pc:sldMk cId="677456615" sldId="297"/>
        </pc:sldMkLst>
        <pc:picChg chg="del">
          <ac:chgData name="LIU, SumYin [Student]" userId="249ac7fb-9f50-4d2f-a0f3-c92e4dbde324" providerId="ADAL" clId="{6070ACD4-C5F1-C042-B3EE-C74E792D1553}" dt="2021-08-17T19:50:54.420" v="188" actId="478"/>
          <ac:picMkLst>
            <pc:docMk/>
            <pc:sldMk cId="677456615" sldId="297"/>
            <ac:picMk id="2" creationId="{AC57AB5D-1487-4BC3-8813-E9E28E023883}"/>
          </ac:picMkLst>
        </pc:picChg>
        <pc:picChg chg="del mod">
          <ac:chgData name="LIU, SumYin [Student]" userId="249ac7fb-9f50-4d2f-a0f3-c92e4dbde324" providerId="ADAL" clId="{6070ACD4-C5F1-C042-B3EE-C74E792D1553}" dt="2021-08-17T19:50:53.077" v="187" actId="478"/>
          <ac:picMkLst>
            <pc:docMk/>
            <pc:sldMk cId="677456615" sldId="297"/>
            <ac:picMk id="3" creationId="{292F97A9-84CB-48AC-AFD7-F032E0ACE605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1:14.890" v="200" actId="478"/>
        <pc:sldMkLst>
          <pc:docMk/>
          <pc:sldMk cId="4240448844" sldId="298"/>
        </pc:sldMkLst>
        <pc:picChg chg="del">
          <ac:chgData name="LIU, SumYin [Student]" userId="249ac7fb-9f50-4d2f-a0f3-c92e4dbde324" providerId="ADAL" clId="{6070ACD4-C5F1-C042-B3EE-C74E792D1553}" dt="2021-08-17T19:51:14.890" v="200" actId="478"/>
          <ac:picMkLst>
            <pc:docMk/>
            <pc:sldMk cId="4240448844" sldId="298"/>
            <ac:picMk id="2" creationId="{5EA285EB-DF98-4980-9425-D94175ED3C2C}"/>
          </ac:picMkLst>
        </pc:picChg>
        <pc:picChg chg="del">
          <ac:chgData name="LIU, SumYin [Student]" userId="249ac7fb-9f50-4d2f-a0f3-c92e4dbde324" providerId="ADAL" clId="{6070ACD4-C5F1-C042-B3EE-C74E792D1553}" dt="2021-08-17T19:51:13.396" v="199" actId="478"/>
          <ac:picMkLst>
            <pc:docMk/>
            <pc:sldMk cId="4240448844" sldId="298"/>
            <ac:picMk id="3" creationId="{C4812345-2664-47E0-A776-C22C31A2F235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0:35.766" v="179" actId="478"/>
        <pc:sldMkLst>
          <pc:docMk/>
          <pc:sldMk cId="941444539" sldId="299"/>
        </pc:sldMkLst>
        <pc:picChg chg="del">
          <ac:chgData name="LIU, SumYin [Student]" userId="249ac7fb-9f50-4d2f-a0f3-c92e4dbde324" providerId="ADAL" clId="{6070ACD4-C5F1-C042-B3EE-C74E792D1553}" dt="2021-08-17T19:50:35.766" v="179" actId="478"/>
          <ac:picMkLst>
            <pc:docMk/>
            <pc:sldMk cId="941444539" sldId="299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0:34.351" v="178" actId="478"/>
          <ac:picMkLst>
            <pc:docMk/>
            <pc:sldMk cId="941444539" sldId="299"/>
            <ac:picMk id="14" creationId="{C77984CC-2151-44AB-A8E2-66F8F01F331A}"/>
          </ac:picMkLst>
        </pc:picChg>
      </pc:sldChg>
      <pc:sldChg chg="addSp delSp modSp mod">
        <pc:chgData name="LIU, SumYin [Student]" userId="249ac7fb-9f50-4d2f-a0f3-c92e4dbde324" providerId="ADAL" clId="{6070ACD4-C5F1-C042-B3EE-C74E792D1553}" dt="2021-08-17T20:04:28.014" v="256" actId="478"/>
        <pc:sldMkLst>
          <pc:docMk/>
          <pc:sldMk cId="3560141059" sldId="301"/>
        </pc:sldMkLst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6" creationId="{550FE486-9CFF-7A44-A867-57D309653EF4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8" creationId="{28CC82D9-0158-7E4E-8886-7C40899EA2A1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9" creationId="{7FABF123-7007-064D-A7C5-9BE841BC77A6}"/>
          </ac:spMkLst>
        </pc:spChg>
        <pc:spChg chg="add del mod">
          <ac:chgData name="LIU, SumYin [Student]" userId="249ac7fb-9f50-4d2f-a0f3-c92e4dbde324" providerId="ADAL" clId="{6070ACD4-C5F1-C042-B3EE-C74E792D1553}" dt="2021-08-17T19:54:37.824" v="241" actId="478"/>
          <ac:spMkLst>
            <pc:docMk/>
            <pc:sldMk cId="3560141059" sldId="301"/>
            <ac:spMk id="10" creationId="{B400183B-B8D6-6448-AF25-4EFB757BB5E7}"/>
          </ac:spMkLst>
        </pc:spChg>
        <pc:spChg chg="add del mod">
          <ac:chgData name="LIU, SumYin [Student]" userId="249ac7fb-9f50-4d2f-a0f3-c92e4dbde324" providerId="ADAL" clId="{6070ACD4-C5F1-C042-B3EE-C74E792D1553}" dt="2021-08-17T19:54:45.451" v="242" actId="478"/>
          <ac:spMkLst>
            <pc:docMk/>
            <pc:sldMk cId="3560141059" sldId="301"/>
            <ac:spMk id="11" creationId="{D846D6A2-FB21-7741-81ED-B23B4D29CD92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12" creationId="{B35BB0B0-5CF8-5649-969C-CC612ABB5614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16" creationId="{F7487707-443C-3549-A81F-DFE75587C975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18" creationId="{785F71AC-B3B6-E946-8097-A5AF493A0A14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20" creationId="{861B4240-1204-D444-968C-1C8BFF6E9990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28" creationId="{543DC271-B281-5847-BCDE-8CF419CAF07F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29" creationId="{7CD905B7-88EF-BE44-AE01-9D53BC8ED5B3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0" creationId="{2A8084EA-D37F-3945-A52D-BF5D2B9E3234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1" creationId="{43EAAF06-F118-CD4D-BAE3-9EBCE063DE7D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2" creationId="{46CD36F7-5EC5-D244-9F12-6F21471402F7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3" creationId="{A549ACD4-5B14-454D-9B6B-37077354456D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4" creationId="{836BE3FE-8075-3246-A5B4-4F9000CCD587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5" creationId="{0BD3290A-7B80-2640-9283-A274EB4619CC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6" creationId="{40BF3252-BD0F-124E-B598-3B5BCEC44E2F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7" creationId="{3EDBC1C3-CEF8-494D-8E4B-ECD541901ADB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8" creationId="{13C9449A-BFC5-F84D-B255-EA81C382CCBA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9" creationId="{2645A4CF-2AA8-1645-B271-084C29FDAF56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40" creationId="{DE64F02B-5905-114D-AF88-0DC666E55902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41" creationId="{A8E8C455-77A1-4443-80D6-041D5AE32F41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42" creationId="{BDAC95DD-9004-4F43-B0FD-5168745E81FA}"/>
          </ac:spMkLst>
        </pc:spChg>
        <pc:spChg chg="add del mod">
          <ac:chgData name="LIU, SumYin [Student]" userId="249ac7fb-9f50-4d2f-a0f3-c92e4dbde324" providerId="ADAL" clId="{6070ACD4-C5F1-C042-B3EE-C74E792D1553}" dt="2021-08-17T20:04:28.014" v="256" actId="478"/>
          <ac:spMkLst>
            <pc:docMk/>
            <pc:sldMk cId="3560141059" sldId="301"/>
            <ac:spMk id="43" creationId="{64F47C18-6815-7644-907D-11CA85B83620}"/>
          </ac:spMkLst>
        </pc:spChg>
        <pc:spChg chg="add del mod">
          <ac:chgData name="LIU, SumYin [Student]" userId="249ac7fb-9f50-4d2f-a0f3-c92e4dbde324" providerId="ADAL" clId="{6070ACD4-C5F1-C042-B3EE-C74E792D1553}" dt="2021-08-17T20:04:25.452" v="255" actId="478"/>
          <ac:spMkLst>
            <pc:docMk/>
            <pc:sldMk cId="3560141059" sldId="301"/>
            <ac:spMk id="44" creationId="{3022AD1A-AB80-0E41-87E8-6804A4F79ED9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45" creationId="{5FBC6ADB-E46B-EE4E-8337-51BFC4B95498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47" creationId="{80F30AEB-6A5A-5C48-9144-842B79B19249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49" creationId="{67A125BD-41C9-F64D-B4D5-1711678B7437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51" creationId="{E3F08690-DC6E-D048-9AAE-375C7263B762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59" creationId="{1BF62D45-3E4A-8A40-90C7-BE287258C7CB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0" creationId="{D1D4AB4E-08B9-FA44-9061-C0E28CF2A4ED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1" creationId="{43CD7F67-59BE-C84F-8923-6D06B46FC2E8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2" creationId="{3E9BBB25-BFF6-ED40-8544-1D5AFC2DA2AA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3" creationId="{A0BBABC3-E2BB-AA48-B97E-7E28EF36B634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4" creationId="{45B37C73-4EE3-7D47-BEB0-937D2AD7337E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5" creationId="{62F51AD6-5AC2-BE4B-A89A-4DA0A3FFF8B2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6" creationId="{EE97827C-DE93-5441-8F3A-DE39A3E2278A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7" creationId="{AB630D1A-8516-7F44-9201-1E1024D60B59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8" creationId="{2DC241A5-04A7-BA4A-B018-2290ACE11365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9" creationId="{947C80DD-7602-A441-882D-83256901122A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70" creationId="{7FE5AFDF-EBB7-D343-A6F4-FE2CE7D107FE}"/>
          </ac:spMkLst>
        </pc:spChg>
        <pc:grpChg chg="add del mod">
          <ac:chgData name="LIU, SumYin [Student]" userId="249ac7fb-9f50-4d2f-a0f3-c92e4dbde324" providerId="ADAL" clId="{6070ACD4-C5F1-C042-B3EE-C74E792D1553}" dt="2021-08-17T19:57:16.019" v="249" actId="478"/>
          <ac:grpSpMkLst>
            <pc:docMk/>
            <pc:sldMk cId="3560141059" sldId="301"/>
            <ac:grpSpMk id="2" creationId="{EAE91122-2F89-994B-AF3B-481B49F864DD}"/>
          </ac:grpSpMkLst>
        </pc:grpChg>
        <pc:grpChg chg="add mod">
          <ac:chgData name="LIU, SumYin [Student]" userId="249ac7fb-9f50-4d2f-a0f3-c92e4dbde324" providerId="ADAL" clId="{6070ACD4-C5F1-C042-B3EE-C74E792D1553}" dt="2021-08-17T19:57:30.784" v="252" actId="1076"/>
          <ac:grpSpMkLst>
            <pc:docMk/>
            <pc:sldMk cId="3560141059" sldId="301"/>
            <ac:grpSpMk id="3" creationId="{353C3AB1-48D1-1D46-BA06-6C0D0411F984}"/>
          </ac:grpSpMkLst>
        </pc:grpChg>
        <pc:picChg chg="add del mod">
          <ac:chgData name="LIU, SumYin [Student]" userId="249ac7fb-9f50-4d2f-a0f3-c92e4dbde324" providerId="ADAL" clId="{6070ACD4-C5F1-C042-B3EE-C74E792D1553}" dt="2021-08-12T08:50:15.717" v="7" actId="478"/>
          <ac:picMkLst>
            <pc:docMk/>
            <pc:sldMk cId="3560141059" sldId="301"/>
            <ac:picMk id="2" creationId="{C62BA755-AB62-AB43-A73E-35F5DCF92B1B}"/>
          </ac:picMkLst>
        </pc:picChg>
        <pc:picChg chg="add del mod">
          <ac:chgData name="LIU, SumYin [Student]" userId="249ac7fb-9f50-4d2f-a0f3-c92e4dbde324" providerId="ADAL" clId="{6070ACD4-C5F1-C042-B3EE-C74E792D1553}" dt="2021-08-12T08:55:10.470" v="14" actId="478"/>
          <ac:picMkLst>
            <pc:docMk/>
            <pc:sldMk cId="3560141059" sldId="301"/>
            <ac:picMk id="4" creationId="{8AEE8306-4A97-834A-BA79-01F5234334D6}"/>
          </ac:picMkLst>
        </pc:picChg>
        <pc:picChg chg="del">
          <ac:chgData name="LIU, SumYin [Student]" userId="249ac7fb-9f50-4d2f-a0f3-c92e4dbde324" providerId="ADAL" clId="{6070ACD4-C5F1-C042-B3EE-C74E792D1553}" dt="2021-08-17T19:50:47.300" v="185" actId="478"/>
          <ac:picMkLst>
            <pc:docMk/>
            <pc:sldMk cId="3560141059" sldId="301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0:45.803" v="184" actId="478"/>
          <ac:picMkLst>
            <pc:docMk/>
            <pc:sldMk cId="3560141059" sldId="301"/>
            <ac:picMk id="14" creationId="{C77984CC-2151-44AB-A8E2-66F8F01F331A}"/>
          </ac:picMkLst>
        </pc:pic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15" creationId="{73040A6E-03D7-C440-9441-2B5335DA55BD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17" creationId="{4B24F28E-93BF-B44C-A22A-838B1FE0D2B5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19" creationId="{3AF32802-724E-C547-88C2-4B07167371DA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21" creationId="{F098B12D-2179-DA4B-BB49-86BD711ED0C4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22" creationId="{73409437-4E59-9743-9C4F-6D4D0975E0E3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23" creationId="{18464545-E3E7-9C49-B561-8E37E4DD4D52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24" creationId="{05DF2512-289A-264A-A5A6-36ED5CDDA8B4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25" creationId="{7935041A-FD6A-7B46-98CF-69396DEE2F91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26" creationId="{ECD5CFB7-C33D-DD43-993B-1AF45E005254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27" creationId="{C5381273-5CED-6449-B757-A43CF51CAFCB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46" creationId="{671317A1-F62E-CB48-9184-200DED295E99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48" creationId="{307A0115-085B-6A42-98D1-CC342A22235F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0" creationId="{F3D4DCB0-0F65-AA4E-9448-9CDCD64AD83D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2" creationId="{EED33BC1-6E7B-974B-8E74-A1EF654C98F3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3" creationId="{52BB4EFD-B890-2046-A714-2EF4DF36E918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4" creationId="{60BF7C2D-90C6-A84F-9728-4BA56C6B867D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5" creationId="{BA1B9B2E-289F-A242-AF2C-25C66F72DDAA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6" creationId="{A120A976-ED37-0C4C-A153-4DE0FB6E2DB9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7" creationId="{0775F686-3EA7-3148-8D3D-B0FB4726B78C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8" creationId="{C0A9168E-E88B-6A4A-B0C4-2E7036A3DDAD}"/>
          </ac:cxnSpMkLst>
        </pc:cxnChg>
      </pc:sldChg>
      <pc:sldChg chg="delSp mod">
        <pc:chgData name="LIU, SumYin [Student]" userId="249ac7fb-9f50-4d2f-a0f3-c92e4dbde324" providerId="ADAL" clId="{6070ACD4-C5F1-C042-B3EE-C74E792D1553}" dt="2021-08-17T19:51:04.743" v="194" actId="478"/>
        <pc:sldMkLst>
          <pc:docMk/>
          <pc:sldMk cId="2994908211" sldId="302"/>
        </pc:sldMkLst>
        <pc:picChg chg="del">
          <ac:chgData name="LIU, SumYin [Student]" userId="249ac7fb-9f50-4d2f-a0f3-c92e4dbde324" providerId="ADAL" clId="{6070ACD4-C5F1-C042-B3EE-C74E792D1553}" dt="2021-08-17T19:51:04.743" v="194" actId="478"/>
          <ac:picMkLst>
            <pc:docMk/>
            <pc:sldMk cId="2994908211" sldId="302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1:03.507" v="193" actId="478"/>
          <ac:picMkLst>
            <pc:docMk/>
            <pc:sldMk cId="2994908211" sldId="302"/>
            <ac:picMk id="14" creationId="{C77984CC-2151-44AB-A8E2-66F8F01F331A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1:18.085" v="202" actId="478"/>
        <pc:sldMkLst>
          <pc:docMk/>
          <pc:sldMk cId="3688194971" sldId="303"/>
        </pc:sldMkLst>
        <pc:picChg chg="del">
          <ac:chgData name="LIU, SumYin [Student]" userId="249ac7fb-9f50-4d2f-a0f3-c92e4dbde324" providerId="ADAL" clId="{6070ACD4-C5F1-C042-B3EE-C74E792D1553}" dt="2021-08-17T19:51:18.085" v="202" actId="478"/>
          <ac:picMkLst>
            <pc:docMk/>
            <pc:sldMk cId="3688194971" sldId="303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1:16.744" v="201" actId="478"/>
          <ac:picMkLst>
            <pc:docMk/>
            <pc:sldMk cId="3688194971" sldId="303"/>
            <ac:picMk id="14" creationId="{C77984CC-2151-44AB-A8E2-66F8F01F331A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0:39.947" v="181" actId="478"/>
        <pc:sldMkLst>
          <pc:docMk/>
          <pc:sldMk cId="499293948" sldId="304"/>
        </pc:sldMkLst>
        <pc:picChg chg="del">
          <ac:chgData name="LIU, SumYin [Student]" userId="249ac7fb-9f50-4d2f-a0f3-c92e4dbde324" providerId="ADAL" clId="{6070ACD4-C5F1-C042-B3EE-C74E792D1553}" dt="2021-08-17T19:50:39.947" v="181" actId="478"/>
          <ac:picMkLst>
            <pc:docMk/>
            <pc:sldMk cId="499293948" sldId="304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0:38.206" v="180" actId="478"/>
          <ac:picMkLst>
            <pc:docMk/>
            <pc:sldMk cId="499293948" sldId="304"/>
            <ac:picMk id="14" creationId="{C77984CC-2151-44AB-A8E2-66F8F01F331A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1:11.709" v="198" actId="478"/>
        <pc:sldMkLst>
          <pc:docMk/>
          <pc:sldMk cId="3944267863" sldId="305"/>
        </pc:sldMkLst>
        <pc:picChg chg="del">
          <ac:chgData name="LIU, SumYin [Student]" userId="249ac7fb-9f50-4d2f-a0f3-c92e4dbde324" providerId="ADAL" clId="{6070ACD4-C5F1-C042-B3EE-C74E792D1553}" dt="2021-08-17T19:51:11.709" v="198" actId="478"/>
          <ac:picMkLst>
            <pc:docMk/>
            <pc:sldMk cId="3944267863" sldId="305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1:10.547" v="197" actId="478"/>
          <ac:picMkLst>
            <pc:docMk/>
            <pc:sldMk cId="3944267863" sldId="305"/>
            <ac:picMk id="14" creationId="{C77984CC-2151-44AB-A8E2-66F8F01F331A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0:57.796" v="190" actId="478"/>
        <pc:sldMkLst>
          <pc:docMk/>
          <pc:sldMk cId="2876942652" sldId="306"/>
        </pc:sldMkLst>
        <pc:picChg chg="del">
          <ac:chgData name="LIU, SumYin [Student]" userId="249ac7fb-9f50-4d2f-a0f3-c92e4dbde324" providerId="ADAL" clId="{6070ACD4-C5F1-C042-B3EE-C74E792D1553}" dt="2021-08-17T19:50:57.796" v="190" actId="478"/>
          <ac:picMkLst>
            <pc:docMk/>
            <pc:sldMk cId="2876942652" sldId="306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0:56.419" v="189" actId="478"/>
          <ac:picMkLst>
            <pc:docMk/>
            <pc:sldMk cId="2876942652" sldId="306"/>
            <ac:picMk id="14" creationId="{C77984CC-2151-44AB-A8E2-66F8F01F331A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1:01.609" v="192" actId="478"/>
        <pc:sldMkLst>
          <pc:docMk/>
          <pc:sldMk cId="147595832" sldId="307"/>
        </pc:sldMkLst>
        <pc:picChg chg="del">
          <ac:chgData name="LIU, SumYin [Student]" userId="249ac7fb-9f50-4d2f-a0f3-c92e4dbde324" providerId="ADAL" clId="{6070ACD4-C5F1-C042-B3EE-C74E792D1553}" dt="2021-08-17T19:51:01.609" v="192" actId="478"/>
          <ac:picMkLst>
            <pc:docMk/>
            <pc:sldMk cId="147595832" sldId="307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1:00.205" v="191" actId="478"/>
          <ac:picMkLst>
            <pc:docMk/>
            <pc:sldMk cId="147595832" sldId="307"/>
            <ac:picMk id="14" creationId="{C77984CC-2151-44AB-A8E2-66F8F01F331A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1:08.522" v="196" actId="478"/>
        <pc:sldMkLst>
          <pc:docMk/>
          <pc:sldMk cId="1619587713" sldId="308"/>
        </pc:sldMkLst>
        <pc:picChg chg="del">
          <ac:chgData name="LIU, SumYin [Student]" userId="249ac7fb-9f50-4d2f-a0f3-c92e4dbde324" providerId="ADAL" clId="{6070ACD4-C5F1-C042-B3EE-C74E792D1553}" dt="2021-08-17T19:51:08.522" v="196" actId="478"/>
          <ac:picMkLst>
            <pc:docMk/>
            <pc:sldMk cId="1619587713" sldId="308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1:06.961" v="195" actId="478"/>
          <ac:picMkLst>
            <pc:docMk/>
            <pc:sldMk cId="1619587713" sldId="308"/>
            <ac:picMk id="14" creationId="{C77984CC-2151-44AB-A8E2-66F8F01F331A}"/>
          </ac:picMkLst>
        </pc:picChg>
      </pc:sldChg>
      <pc:sldChg chg="new del">
        <pc:chgData name="LIU, SumYin [Student]" userId="249ac7fb-9f50-4d2f-a0f3-c92e4dbde324" providerId="ADAL" clId="{6070ACD4-C5F1-C042-B3EE-C74E792D1553}" dt="2021-08-17T19:53:34.765" v="206" actId="2696"/>
        <pc:sldMkLst>
          <pc:docMk/>
          <pc:sldMk cId="1401752475" sldId="309"/>
        </pc:sldMkLst>
      </pc:sldChg>
      <pc:sldChg chg="addSp delSp modSp add del mod">
        <pc:chgData name="LIU, SumYin [Student]" userId="249ac7fb-9f50-4d2f-a0f3-c92e4dbde324" providerId="ADAL" clId="{6070ACD4-C5F1-C042-B3EE-C74E792D1553}" dt="2021-08-19T14:35:24.970" v="625" actId="1038"/>
        <pc:sldMkLst>
          <pc:docMk/>
          <pc:sldMk cId="3676948722" sldId="309"/>
        </pc:sldMkLst>
        <pc:spChg chg="add mod">
          <ac:chgData name="LIU, SumYin [Student]" userId="249ac7fb-9f50-4d2f-a0f3-c92e4dbde324" providerId="ADAL" clId="{6070ACD4-C5F1-C042-B3EE-C74E792D1553}" dt="2021-08-19T14:33:24.020" v="581" actId="1038"/>
          <ac:spMkLst>
            <pc:docMk/>
            <pc:sldMk cId="3676948722" sldId="309"/>
            <ac:spMk id="13" creationId="{AA54A8A4-72B4-4D48-9B03-FAD4BA100FA8}"/>
          </ac:spMkLst>
        </pc:spChg>
        <pc:spChg chg="add mod">
          <ac:chgData name="LIU, SumYin [Student]" userId="249ac7fb-9f50-4d2f-a0f3-c92e4dbde324" providerId="ADAL" clId="{6070ACD4-C5F1-C042-B3EE-C74E792D1553}" dt="2021-08-19T14:33:31.081" v="586" actId="1038"/>
          <ac:spMkLst>
            <pc:docMk/>
            <pc:sldMk cId="3676948722" sldId="309"/>
            <ac:spMk id="14" creationId="{2986A655-1AE1-3D4B-8734-52AA9900E686}"/>
          </ac:spMkLst>
        </pc:spChg>
        <pc:spChg chg="add mod">
          <ac:chgData name="LIU, SumYin [Student]" userId="249ac7fb-9f50-4d2f-a0f3-c92e4dbde324" providerId="ADAL" clId="{6070ACD4-C5F1-C042-B3EE-C74E792D1553}" dt="2021-08-19T14:33:49.622" v="592" actId="1038"/>
          <ac:spMkLst>
            <pc:docMk/>
            <pc:sldMk cId="3676948722" sldId="309"/>
            <ac:spMk id="15" creationId="{24A0DF97-0159-B344-B558-7FA16982E633}"/>
          </ac:spMkLst>
        </pc:spChg>
        <pc:spChg chg="add mod">
          <ac:chgData name="LIU, SumYin [Student]" userId="249ac7fb-9f50-4d2f-a0f3-c92e4dbde324" providerId="ADAL" clId="{6070ACD4-C5F1-C042-B3EE-C74E792D1553}" dt="2021-08-19T14:34:06.836" v="599" actId="1038"/>
          <ac:spMkLst>
            <pc:docMk/>
            <pc:sldMk cId="3676948722" sldId="309"/>
            <ac:spMk id="16" creationId="{ABAC9CAE-6CD6-8340-BE9D-54C5734D9FFD}"/>
          </ac:spMkLst>
        </pc:spChg>
        <pc:spChg chg="add del mod">
          <ac:chgData name="LIU, SumYin [Student]" userId="249ac7fb-9f50-4d2f-a0f3-c92e4dbde324" providerId="ADAL" clId="{6070ACD4-C5F1-C042-B3EE-C74E792D1553}" dt="2021-08-19T14:34:17.177" v="601"/>
          <ac:spMkLst>
            <pc:docMk/>
            <pc:sldMk cId="3676948722" sldId="309"/>
            <ac:spMk id="17" creationId="{54797E7A-507A-A740-8E6E-1F023499CE05}"/>
          </ac:spMkLst>
        </pc:spChg>
        <pc:spChg chg="add mod">
          <ac:chgData name="LIU, SumYin [Student]" userId="249ac7fb-9f50-4d2f-a0f3-c92e4dbde324" providerId="ADAL" clId="{6070ACD4-C5F1-C042-B3EE-C74E792D1553}" dt="2021-08-19T14:34:24.699" v="607" actId="1038"/>
          <ac:spMkLst>
            <pc:docMk/>
            <pc:sldMk cId="3676948722" sldId="309"/>
            <ac:spMk id="18" creationId="{CB2B1F31-1714-5342-A517-38D97E19A5C8}"/>
          </ac:spMkLst>
        </pc:spChg>
        <pc:spChg chg="add mod">
          <ac:chgData name="LIU, SumYin [Student]" userId="249ac7fb-9f50-4d2f-a0f3-c92e4dbde324" providerId="ADAL" clId="{6070ACD4-C5F1-C042-B3EE-C74E792D1553}" dt="2021-08-19T14:34:39.447" v="613" actId="1038"/>
          <ac:spMkLst>
            <pc:docMk/>
            <pc:sldMk cId="3676948722" sldId="309"/>
            <ac:spMk id="19" creationId="{1B0002FA-7D0E-E24A-ABE4-30904EEFE6D7}"/>
          </ac:spMkLst>
        </pc:spChg>
        <pc:spChg chg="add mod">
          <ac:chgData name="LIU, SumYin [Student]" userId="249ac7fb-9f50-4d2f-a0f3-c92e4dbde324" providerId="ADAL" clId="{6070ACD4-C5F1-C042-B3EE-C74E792D1553}" dt="2021-08-19T14:35:09.275" v="619" actId="1036"/>
          <ac:spMkLst>
            <pc:docMk/>
            <pc:sldMk cId="3676948722" sldId="309"/>
            <ac:spMk id="20" creationId="{15509BE3-583E-DD45-BD13-9E403C08DD74}"/>
          </ac:spMkLst>
        </pc:spChg>
        <pc:spChg chg="add mod">
          <ac:chgData name="LIU, SumYin [Student]" userId="249ac7fb-9f50-4d2f-a0f3-c92e4dbde324" providerId="ADAL" clId="{6070ACD4-C5F1-C042-B3EE-C74E792D1553}" dt="2021-08-19T14:35:24.970" v="625" actId="1038"/>
          <ac:spMkLst>
            <pc:docMk/>
            <pc:sldMk cId="3676948722" sldId="309"/>
            <ac:spMk id="21" creationId="{893EBCCA-7D28-0D45-8E92-D86460A07C02}"/>
          </ac:spMkLst>
        </pc:spChg>
        <pc:spChg chg="mod">
          <ac:chgData name="LIU, SumYin [Student]" userId="249ac7fb-9f50-4d2f-a0f3-c92e4dbde324" providerId="ADAL" clId="{6070ACD4-C5F1-C042-B3EE-C74E792D1553}" dt="2021-08-17T19:57:03.537" v="247" actId="27636"/>
          <ac:spMkLst>
            <pc:docMk/>
            <pc:sldMk cId="3676948722" sldId="309"/>
            <ac:spMk id="10000001" creationId="{00000000-0000-0000-0000-000000000000}"/>
          </ac:spMkLst>
        </pc:spChg>
        <pc:grpChg chg="add">
          <ac:chgData name="LIU, SumYin [Student]" userId="249ac7fb-9f50-4d2f-a0f3-c92e4dbde324" providerId="ADAL" clId="{6070ACD4-C5F1-C042-B3EE-C74E792D1553}" dt="2021-08-17T19:57:13.317" v="248" actId="164"/>
          <ac:grpSpMkLst>
            <pc:docMk/>
            <pc:sldMk cId="3676948722" sldId="309"/>
            <ac:grpSpMk id="2" creationId="{6E792A6E-D173-614A-991E-B0AE6426B875}"/>
          </ac:grpSpMkLst>
        </pc:grpChg>
        <pc:cxnChg chg="add del mod">
          <ac:chgData name="LIU, SumYin [Student]" userId="249ac7fb-9f50-4d2f-a0f3-c92e4dbde324" providerId="ADAL" clId="{6070ACD4-C5F1-C042-B3EE-C74E792D1553}" dt="2021-08-18T15:00:06.660" v="310"/>
          <ac:cxnSpMkLst>
            <pc:docMk/>
            <pc:sldMk cId="3676948722" sldId="309"/>
            <ac:cxnSpMk id="13" creationId="{8651AD1C-81B1-714B-B7DC-1271F9054897}"/>
          </ac:cxnSpMkLst>
        </pc:cxnChg>
        <pc:cxnChg chg="add del mod">
          <ac:chgData name="LIU, SumYin [Student]" userId="249ac7fb-9f50-4d2f-a0f3-c92e4dbde324" providerId="ADAL" clId="{6070ACD4-C5F1-C042-B3EE-C74E792D1553}" dt="2021-08-18T15:00:12.394" v="312"/>
          <ac:cxnSpMkLst>
            <pc:docMk/>
            <pc:sldMk cId="3676948722" sldId="309"/>
            <ac:cxnSpMk id="14" creationId="{BD0AEE70-568D-804D-8111-F7F1ABF39F54}"/>
          </ac:cxnSpMkLst>
        </pc:cxnChg>
      </pc:sldChg>
      <pc:sldChg chg="new del">
        <pc:chgData name="LIU, SumYin [Student]" userId="249ac7fb-9f50-4d2f-a0f3-c92e4dbde324" providerId="ADAL" clId="{6070ACD4-C5F1-C042-B3EE-C74E792D1553}" dt="2021-08-17T19:33:12.302" v="24" actId="2696"/>
        <pc:sldMkLst>
          <pc:docMk/>
          <pc:sldMk cId="4016696262" sldId="309"/>
        </pc:sldMkLst>
      </pc:sldChg>
      <pc:sldChg chg="addSp modSp add del mod">
        <pc:chgData name="LIU, SumYin [Student]" userId="249ac7fb-9f50-4d2f-a0f3-c92e4dbde324" providerId="ADAL" clId="{6070ACD4-C5F1-C042-B3EE-C74E792D1553}" dt="2021-08-18T15:02:26.475" v="426" actId="2696"/>
        <pc:sldMkLst>
          <pc:docMk/>
          <pc:sldMk cId="579860046" sldId="310"/>
        </pc:sldMkLst>
        <pc:spChg chg="mod">
          <ac:chgData name="LIU, SumYin [Student]" userId="249ac7fb-9f50-4d2f-a0f3-c92e4dbde324" providerId="ADAL" clId="{6070ACD4-C5F1-C042-B3EE-C74E792D1553}" dt="2021-08-17T19:53:26.543" v="205" actId="27636"/>
          <ac:spMkLst>
            <pc:docMk/>
            <pc:sldMk cId="579860046" sldId="310"/>
            <ac:spMk id="10000001" creationId="{00000000-0000-0000-0000-000000000000}"/>
          </ac:spMkLst>
        </pc:spChg>
        <pc:grpChg chg="add">
          <ac:chgData name="LIU, SumYin [Student]" userId="249ac7fb-9f50-4d2f-a0f3-c92e4dbde324" providerId="ADAL" clId="{6070ACD4-C5F1-C042-B3EE-C74E792D1553}" dt="2021-08-18T15:00:37.155" v="314" actId="164"/>
          <ac:grpSpMkLst>
            <pc:docMk/>
            <pc:sldMk cId="579860046" sldId="310"/>
            <ac:grpSpMk id="2" creationId="{C98AEE11-097E-C74B-9452-ED693435B936}"/>
          </ac:grpSpMkLst>
        </pc:grpChg>
      </pc:sldChg>
      <pc:sldChg chg="addSp delSp modSp add del mod ord">
        <pc:chgData name="LIU, SumYin [Student]" userId="249ac7fb-9f50-4d2f-a0f3-c92e4dbde324" providerId="ADAL" clId="{6070ACD4-C5F1-C042-B3EE-C74E792D1553}" dt="2021-08-19T14:35:33.977" v="626" actId="2696"/>
        <pc:sldMkLst>
          <pc:docMk/>
          <pc:sldMk cId="4226813795" sldId="311"/>
        </pc:sldMkLst>
        <pc:spChg chg="del">
          <ac:chgData name="LIU, SumYin [Student]" userId="249ac7fb-9f50-4d2f-a0f3-c92e4dbde324" providerId="ADAL" clId="{6070ACD4-C5F1-C042-B3EE-C74E792D1553}" dt="2021-08-18T15:01:21.071" v="319" actId="478"/>
          <ac:spMkLst>
            <pc:docMk/>
            <pc:sldMk cId="4226813795" sldId="311"/>
            <ac:spMk id="4" creationId="{594FB4F1-4B24-4DDC-9BFF-24A55151C627}"/>
          </ac:spMkLst>
        </pc:spChg>
        <pc:spChg chg="mod">
          <ac:chgData name="LIU, SumYin [Student]" userId="249ac7fb-9f50-4d2f-a0f3-c92e4dbde324" providerId="ADAL" clId="{6070ACD4-C5F1-C042-B3EE-C74E792D1553}" dt="2021-08-19T14:25:36.444" v="448" actId="255"/>
          <ac:spMkLst>
            <pc:docMk/>
            <pc:sldMk cId="4226813795" sldId="311"/>
            <ac:spMk id="7" creationId="{24A4A2B8-8D7B-4025-925F-38B279F95EAF}"/>
          </ac:spMkLst>
        </pc:spChg>
        <pc:spChg chg="mod topLvl">
          <ac:chgData name="LIU, SumYin [Student]" userId="249ac7fb-9f50-4d2f-a0f3-c92e4dbde324" providerId="ADAL" clId="{6070ACD4-C5F1-C042-B3EE-C74E792D1553}" dt="2021-08-19T14:25:36.444" v="448" actId="255"/>
          <ac:spMkLst>
            <pc:docMk/>
            <pc:sldMk cId="4226813795" sldId="311"/>
            <ac:spMk id="14" creationId="{C14BA4A9-0419-4F4A-8C1B-019D99DF42DA}"/>
          </ac:spMkLst>
        </pc:spChg>
        <pc:spChg chg="del mod">
          <ac:chgData name="LIU, SumYin [Student]" userId="249ac7fb-9f50-4d2f-a0f3-c92e4dbde324" providerId="ADAL" clId="{6070ACD4-C5F1-C042-B3EE-C74E792D1553}" dt="2021-08-18T15:02:55.377" v="428" actId="478"/>
          <ac:spMkLst>
            <pc:docMk/>
            <pc:sldMk cId="4226813795" sldId="311"/>
            <ac:spMk id="15" creationId="{46C9A2B2-9BBE-E240-A305-E1147F4D3D56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16" creationId="{788CB536-D35F-0F41-8ABE-37D627D8603D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17" creationId="{430D4E71-2A54-7B47-8032-56079BE6A1FD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19" creationId="{88D14FBE-B9F0-6F46-9D77-6C9B704FC8B4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21" creationId="{3E6FDB50-E461-404A-ADA7-1C934112395E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23" creationId="{300364A5-FE6E-7549-9D04-24A60C4556F1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25" creationId="{C1D5BD19-5C01-4945-BC41-044DAD0C8F6E}"/>
          </ac:spMkLst>
        </pc:spChg>
        <pc:spChg chg="del">
          <ac:chgData name="LIU, SumYin [Student]" userId="249ac7fb-9f50-4d2f-a0f3-c92e4dbde324" providerId="ADAL" clId="{6070ACD4-C5F1-C042-B3EE-C74E792D1553}" dt="2021-08-18T15:01:21.071" v="319" actId="478"/>
          <ac:spMkLst>
            <pc:docMk/>
            <pc:sldMk cId="4226813795" sldId="311"/>
            <ac:spMk id="36" creationId="{28505004-C584-4283-ACA9-4544A76AEA1C}"/>
          </ac:spMkLst>
        </pc:spChg>
        <pc:spChg chg="del">
          <ac:chgData name="LIU, SumYin [Student]" userId="249ac7fb-9f50-4d2f-a0f3-c92e4dbde324" providerId="ADAL" clId="{6070ACD4-C5F1-C042-B3EE-C74E792D1553}" dt="2021-08-18T15:01:21.071" v="319" actId="478"/>
          <ac:spMkLst>
            <pc:docMk/>
            <pc:sldMk cId="4226813795" sldId="311"/>
            <ac:spMk id="37" creationId="{E820FC38-20BC-482D-8698-CE08B241C470}"/>
          </ac:spMkLst>
        </pc:spChg>
        <pc:spChg chg="del">
          <ac:chgData name="LIU, SumYin [Student]" userId="249ac7fb-9f50-4d2f-a0f3-c92e4dbde324" providerId="ADAL" clId="{6070ACD4-C5F1-C042-B3EE-C74E792D1553}" dt="2021-08-18T15:01:25.017" v="320" actId="478"/>
          <ac:spMkLst>
            <pc:docMk/>
            <pc:sldMk cId="4226813795" sldId="311"/>
            <ac:spMk id="38" creationId="{BF717CCA-2915-4285-91D3-B7BA26E833B6}"/>
          </ac:spMkLst>
        </pc:spChg>
        <pc:spChg chg="del">
          <ac:chgData name="LIU, SumYin [Student]" userId="249ac7fb-9f50-4d2f-a0f3-c92e4dbde324" providerId="ADAL" clId="{6070ACD4-C5F1-C042-B3EE-C74E792D1553}" dt="2021-08-18T15:01:21.071" v="319" actId="478"/>
          <ac:spMkLst>
            <pc:docMk/>
            <pc:sldMk cId="4226813795" sldId="311"/>
            <ac:spMk id="39" creationId="{71784CC5-29AF-472F-BBB2-7491DF421CF8}"/>
          </ac:spMkLst>
        </pc:spChg>
        <pc:spChg chg="del">
          <ac:chgData name="LIU, SumYin [Student]" userId="249ac7fb-9f50-4d2f-a0f3-c92e4dbde324" providerId="ADAL" clId="{6070ACD4-C5F1-C042-B3EE-C74E792D1553}" dt="2021-08-18T15:01:21.071" v="319" actId="478"/>
          <ac:spMkLst>
            <pc:docMk/>
            <pc:sldMk cId="4226813795" sldId="311"/>
            <ac:spMk id="43" creationId="{A48E3E0C-EE4D-4950-99B9-276863F53D6D}"/>
          </ac:spMkLst>
        </pc:spChg>
        <pc:spChg chg="del">
          <ac:chgData name="LIU, SumYin [Student]" userId="249ac7fb-9f50-4d2f-a0f3-c92e4dbde324" providerId="ADAL" clId="{6070ACD4-C5F1-C042-B3EE-C74E792D1553}" dt="2021-08-18T15:01:21.071" v="319" actId="478"/>
          <ac:spMkLst>
            <pc:docMk/>
            <pc:sldMk cId="4226813795" sldId="311"/>
            <ac:spMk id="44" creationId="{81390FB7-A869-4044-92BB-362E381297F7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56" creationId="{72B4007F-A5D1-FB48-82F3-7846D1A349F1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57" creationId="{D7BD315C-1FE7-C549-B405-0C5CAC266034}"/>
          </ac:spMkLst>
        </pc:spChg>
        <pc:spChg chg="mod topLvl">
          <ac:chgData name="LIU, SumYin [Student]" userId="249ac7fb-9f50-4d2f-a0f3-c92e4dbde324" providerId="ADAL" clId="{6070ACD4-C5F1-C042-B3EE-C74E792D1553}" dt="2021-08-19T14:26:11.308" v="453" actId="255"/>
          <ac:spMkLst>
            <pc:docMk/>
            <pc:sldMk cId="4226813795" sldId="311"/>
            <ac:spMk id="58" creationId="{75AA392A-9EE1-8B4C-A01F-E9D581EE1A65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59" creationId="{38A73834-9834-E74A-9093-42B8FE77281A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60" creationId="{ABD3EB46-A734-9748-8D28-88E6ABCFD8F4}"/>
          </ac:spMkLst>
        </pc:spChg>
        <pc:spChg chg="mod topLvl">
          <ac:chgData name="LIU, SumYin [Student]" userId="249ac7fb-9f50-4d2f-a0f3-c92e4dbde324" providerId="ADAL" clId="{6070ACD4-C5F1-C042-B3EE-C74E792D1553}" dt="2021-08-19T14:26:16.546" v="454" actId="255"/>
          <ac:spMkLst>
            <pc:docMk/>
            <pc:sldMk cId="4226813795" sldId="311"/>
            <ac:spMk id="61" creationId="{325FA2CD-F725-9344-A329-1EB735E1E49E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62" creationId="{03E4E1A3-0E58-434A-A66E-8E1609ACA13B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63" creationId="{30F628B3-9927-2C48-8D05-2E3A97781CE0}"/>
          </ac:spMkLst>
        </pc:spChg>
        <pc:spChg chg="mod topLvl">
          <ac:chgData name="LIU, SumYin [Student]" userId="249ac7fb-9f50-4d2f-a0f3-c92e4dbde324" providerId="ADAL" clId="{6070ACD4-C5F1-C042-B3EE-C74E792D1553}" dt="2021-08-19T14:26:22.541" v="455" actId="255"/>
          <ac:spMkLst>
            <pc:docMk/>
            <pc:sldMk cId="4226813795" sldId="311"/>
            <ac:spMk id="64" creationId="{56D323B1-1DA3-5C4D-950E-E2F45FD7D33D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65" creationId="{0128863F-FFCC-F747-8960-77357D4F6A08}"/>
          </ac:spMkLst>
        </pc:spChg>
        <pc:spChg chg="mod topLvl">
          <ac:chgData name="LIU, SumYin [Student]" userId="249ac7fb-9f50-4d2f-a0f3-c92e4dbde324" providerId="ADAL" clId="{6070ACD4-C5F1-C042-B3EE-C74E792D1553}" dt="2021-08-19T14:33:56.556" v="593" actId="14100"/>
          <ac:spMkLst>
            <pc:docMk/>
            <pc:sldMk cId="4226813795" sldId="311"/>
            <ac:spMk id="66" creationId="{5E7687BD-8258-4843-BED2-D494DB3CAB1E}"/>
          </ac:spMkLst>
        </pc:spChg>
        <pc:spChg chg="mod topLvl">
          <ac:chgData name="LIU, SumYin [Student]" userId="249ac7fb-9f50-4d2f-a0f3-c92e4dbde324" providerId="ADAL" clId="{6070ACD4-C5F1-C042-B3EE-C74E792D1553}" dt="2021-08-19T14:27:05.164" v="464" actId="14100"/>
          <ac:spMkLst>
            <pc:docMk/>
            <pc:sldMk cId="4226813795" sldId="311"/>
            <ac:spMk id="67" creationId="{1F6155F7-ABBD-5649-976D-721CBF4C4290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68" creationId="{E8AAF4E7-175C-F745-B95A-5716CA673444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69" creationId="{6319E821-6F62-7A45-8A1D-F6C94F052955}"/>
          </ac:spMkLst>
        </pc:spChg>
        <pc:spChg chg="mod topLvl">
          <ac:chgData name="LIU, SumYin [Student]" userId="249ac7fb-9f50-4d2f-a0f3-c92e4dbde324" providerId="ADAL" clId="{6070ACD4-C5F1-C042-B3EE-C74E792D1553}" dt="2021-08-19T14:26:37.755" v="458" actId="14100"/>
          <ac:spMkLst>
            <pc:docMk/>
            <pc:sldMk cId="4226813795" sldId="311"/>
            <ac:spMk id="70" creationId="{8E8126B5-EA47-4C44-A7F2-865811097BBC}"/>
          </ac:spMkLst>
        </pc:spChg>
        <pc:spChg chg="del">
          <ac:chgData name="LIU, SumYin [Student]" userId="249ac7fb-9f50-4d2f-a0f3-c92e4dbde324" providerId="ADAL" clId="{6070ACD4-C5F1-C042-B3EE-C74E792D1553}" dt="2021-08-18T15:01:25.017" v="320" actId="478"/>
          <ac:spMkLst>
            <pc:docMk/>
            <pc:sldMk cId="4226813795" sldId="311"/>
            <ac:spMk id="71" creationId="{BE4C1A90-40F4-4EC7-BB49-0CDB677217F4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72" creationId="{305DDB8F-3AC2-5247-B80E-7F147DEAA73E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73" creationId="{01825640-E721-B347-9C76-1EA605D67E6E}"/>
          </ac:spMkLst>
        </pc:spChg>
        <pc:spChg chg="mod topLvl">
          <ac:chgData name="LIU, SumYin [Student]" userId="249ac7fb-9f50-4d2f-a0f3-c92e4dbde324" providerId="ADAL" clId="{6070ACD4-C5F1-C042-B3EE-C74E792D1553}" dt="2021-08-19T14:26:49.445" v="460" actId="14100"/>
          <ac:spMkLst>
            <pc:docMk/>
            <pc:sldMk cId="4226813795" sldId="311"/>
            <ac:spMk id="74" creationId="{8764FE82-7CD2-9E48-88CA-3B04D23BAF20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75" creationId="{B62CC23A-49D6-1A44-B359-39E373334DCB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76" creationId="{49F96C8E-084B-504A-98C9-3821992C9DBB}"/>
          </ac:spMkLst>
        </pc:spChg>
        <pc:spChg chg="mod topLvl">
          <ac:chgData name="LIU, SumYin [Student]" userId="249ac7fb-9f50-4d2f-a0f3-c92e4dbde324" providerId="ADAL" clId="{6070ACD4-C5F1-C042-B3EE-C74E792D1553}" dt="2021-08-19T14:27:00.798" v="463" actId="14100"/>
          <ac:spMkLst>
            <pc:docMk/>
            <pc:sldMk cId="4226813795" sldId="311"/>
            <ac:spMk id="77" creationId="{2E0D730C-839C-FF47-9768-24A9DA392FB2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78" creationId="{2982BF2F-DEE3-644A-803E-3AD0C7789C23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81" creationId="{761B0331-D543-4140-98B8-B2B9D96A5F6B}"/>
          </ac:spMkLst>
        </pc:spChg>
        <pc:spChg chg="mod">
          <ac:chgData name="LIU, SumYin [Student]" userId="249ac7fb-9f50-4d2f-a0f3-c92e4dbde324" providerId="ADAL" clId="{6070ACD4-C5F1-C042-B3EE-C74E792D1553}" dt="2021-08-19T14:25:36.444" v="448" actId="255"/>
          <ac:spMkLst>
            <pc:docMk/>
            <pc:sldMk cId="4226813795" sldId="311"/>
            <ac:spMk id="298" creationId="{00000000-0000-0000-0000-000000000000}"/>
          </ac:spMkLst>
        </pc:spChg>
        <pc:grpChg chg="add del mod">
          <ac:chgData name="LIU, SumYin [Student]" userId="249ac7fb-9f50-4d2f-a0f3-c92e4dbde324" providerId="ADAL" clId="{6070ACD4-C5F1-C042-B3EE-C74E792D1553}" dt="2021-08-19T14:32:34.695" v="562" actId="165"/>
          <ac:grpSpMkLst>
            <pc:docMk/>
            <pc:sldMk cId="4226813795" sldId="311"/>
            <ac:grpSpMk id="2" creationId="{913CED03-06BB-1842-92F6-9AA886992BF7}"/>
          </ac:grpSpMkLst>
        </pc:grpChg>
        <pc:grpChg chg="add del mod">
          <ac:chgData name="LIU, SumYin [Student]" userId="249ac7fb-9f50-4d2f-a0f3-c92e4dbde324" providerId="ADAL" clId="{6070ACD4-C5F1-C042-B3EE-C74E792D1553}" dt="2021-08-19T14:23:18.041" v="436" actId="165"/>
          <ac:grpSpMkLst>
            <pc:docMk/>
            <pc:sldMk cId="4226813795" sldId="311"/>
            <ac:grpSpMk id="13" creationId="{29C50DBA-520D-5D46-A347-2E86B04E290C}"/>
          </ac:grpSpMkLst>
        </pc:grpChg>
        <pc:graphicFrameChg chg="del modGraphic">
          <ac:chgData name="LIU, SumYin [Student]" userId="249ac7fb-9f50-4d2f-a0f3-c92e4dbde324" providerId="ADAL" clId="{6070ACD4-C5F1-C042-B3EE-C74E792D1553}" dt="2021-08-18T15:01:25.017" v="320" actId="478"/>
          <ac:graphicFrameMkLst>
            <pc:docMk/>
            <pc:sldMk cId="4226813795" sldId="311"/>
            <ac:graphicFrameMk id="2" creationId="{BDF47525-78B1-48E8-A41E-D2E22CF5BEB2}"/>
          </ac:graphicFrameMkLst>
        </pc:graphicFrame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18" creationId="{D3EF03FC-5F69-A74E-8288-8277E0A6413D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20" creationId="{44E45A43-52E4-0B49-AFA4-C73E214614C5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22" creationId="{8D6452D1-A388-DB47-8CE4-B46E38C688B5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24" creationId="{F6F1B480-40D2-2D4E-8CCB-8EDBA8805CCD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26" creationId="{0D7D3D7B-27C2-544E-B70B-50A6DE1A36AD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27" creationId="{1A7E51A3-710E-4044-9A2A-5E0142C835E6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28" creationId="{AF3475FB-61A9-F546-8DE3-DA40880CD7BC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29" creationId="{83AC2230-13B9-0542-9CAE-54CC1CADCE53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30" creationId="{810A7DA9-6270-174D-BE19-47CABB863A2C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31" creationId="{7363BEC0-B59B-EB48-8E54-C2BD70E01A10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32" creationId="{F5BC8C9F-2946-AA45-B6A5-28BCC7E33914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33" creationId="{C02C76C6-241F-2649-8349-45A60F3F5041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34" creationId="{A9D10377-4648-7942-9382-4EE285A11E5D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35" creationId="{412E99F5-69AD-7747-887F-C817C43D0DFF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0" creationId="{8E3497DC-F3BF-8A4E-AB40-022BCA716E9E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1" creationId="{736692B9-3651-444C-9F85-10C11FE7DE67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2" creationId="{AAC74679-C5CD-5443-ACFB-E79DF7D2D26C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5" creationId="{AA7ECD4A-10B3-2B44-91BA-7DCD8A4280FD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6" creationId="{1AC11A5C-F050-B24B-AB69-BB497FBF4790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7" creationId="{22C02A93-0D19-C442-B823-0FB7CF59C9C3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8" creationId="{8D660B08-AEF2-1F45-8939-358BFC5FB6E3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9" creationId="{589D1652-991B-BF4F-A68E-B846EC150B65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50" creationId="{1F691062-3FA7-C54C-9C25-FC749EA96B9C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51" creationId="{BCE1C933-B405-8D4E-9378-8C0B690EF05A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52" creationId="{6416A18A-40C6-F64B-B4B1-50B520480284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53" creationId="{F3FA8D07-9EFB-6F46-8F2B-AF7F625945C0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54" creationId="{7B991ACA-484D-9544-9863-B8B29E061E77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55" creationId="{3DA449BF-A444-634B-85C4-E41E11EF81CB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79" creationId="{B5A02BE7-3A4D-7F45-B035-870FBADA78B9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80" creationId="{A0065A3C-2A20-AF42-9C71-13A4DFAF3972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82" creationId="{E6F07067-AD59-5C47-ADA7-DF041DC101B9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83" creationId="{E0B80247-A02E-5341-BD56-D2EBD2854CAE}"/>
          </ac:cxnSpMkLst>
        </pc:cxnChg>
      </pc:sldChg>
      <pc:sldMasterChg chg="addSp delSp modSp mod delSldLayout modSldLayout">
        <pc:chgData name="LIU, SumYin [Student]" userId="249ac7fb-9f50-4d2f-a0f3-c92e4dbde324" providerId="ADAL" clId="{6070ACD4-C5F1-C042-B3EE-C74E792D1553}" dt="2021-08-18T15:02:26.475" v="426" actId="2696"/>
        <pc:sldMasterMkLst>
          <pc:docMk/>
          <pc:sldMasterMk cId="0" sldId="2147483669"/>
        </pc:sldMasterMkLst>
        <pc:spChg chg="add del mod">
          <ac:chgData name="LIU, SumYin [Student]" userId="249ac7fb-9f50-4d2f-a0f3-c92e4dbde324" providerId="ADAL" clId="{6070ACD4-C5F1-C042-B3EE-C74E792D1553}" dt="2021-08-17T19:43:49.780" v="36" actId="478"/>
          <ac:spMkLst>
            <pc:docMk/>
            <pc:sldMasterMk cId="0" sldId="2147483669"/>
            <ac:spMk id="2" creationId="{253B6920-E78B-8349-B4B4-66323DAC52CD}"/>
          </ac:spMkLst>
        </pc:spChg>
        <pc:spChg chg="add del mod">
          <ac:chgData name="LIU, SumYin [Student]" userId="249ac7fb-9f50-4d2f-a0f3-c92e4dbde324" providerId="ADAL" clId="{6070ACD4-C5F1-C042-B3EE-C74E792D1553}" dt="2021-08-17T19:43:51.292" v="37" actId="478"/>
          <ac:spMkLst>
            <pc:docMk/>
            <pc:sldMasterMk cId="0" sldId="2147483669"/>
            <ac:spMk id="3" creationId="{2191FCF6-ED6E-C241-89F2-8413813AD6C0}"/>
          </ac:spMkLst>
        </pc:spChg>
        <pc:picChg chg="add mod">
          <ac:chgData name="LIU, SumYin [Student]" userId="249ac7fb-9f50-4d2f-a0f3-c92e4dbde324" providerId="ADAL" clId="{6070ACD4-C5F1-C042-B3EE-C74E792D1553}" dt="2021-08-17T20:13:04.503" v="263" actId="1038"/>
          <ac:picMkLst>
            <pc:docMk/>
            <pc:sldMasterMk cId="0" sldId="2147483669"/>
            <ac:picMk id="5" creationId="{03C3F7CB-41D1-B04E-82A7-F6B314BD67B3}"/>
          </ac:picMkLst>
        </pc:picChg>
        <pc:picChg chg="add del mod">
          <ac:chgData name="LIU, SumYin [Student]" userId="249ac7fb-9f50-4d2f-a0f3-c92e4dbde324" providerId="ADAL" clId="{6070ACD4-C5F1-C042-B3EE-C74E792D1553}" dt="2021-08-17T20:13:24.298" v="280" actId="1037"/>
          <ac:picMkLst>
            <pc:docMk/>
            <pc:sldMasterMk cId="0" sldId="2147483669"/>
            <ac:picMk id="9" creationId="{B74E1B67-5E1A-0144-BD6A-1A86C4D19CC9}"/>
          </ac:picMkLst>
        </pc:picChg>
        <pc:sldLayoutChg chg="addSp delSp modSp mod">
          <pc:chgData name="LIU, SumYin [Student]" userId="249ac7fb-9f50-4d2f-a0f3-c92e4dbde324" providerId="ADAL" clId="{6070ACD4-C5F1-C042-B3EE-C74E792D1553}" dt="2021-08-17T20:15:27.592" v="308" actId="170"/>
          <pc:sldLayoutMkLst>
            <pc:docMk/>
            <pc:sldMasterMk cId="0" sldId="2147483669"/>
            <pc:sldLayoutMk cId="0" sldId="2147483658"/>
          </pc:sldLayoutMkLst>
          <pc:spChg chg="add del mod">
            <ac:chgData name="LIU, SumYin [Student]" userId="249ac7fb-9f50-4d2f-a0f3-c92e4dbde324" providerId="ADAL" clId="{6070ACD4-C5F1-C042-B3EE-C74E792D1553}" dt="2021-08-17T19:47:34.850" v="138"/>
            <ac:spMkLst>
              <pc:docMk/>
              <pc:sldMasterMk cId="0" sldId="2147483669"/>
              <pc:sldLayoutMk cId="0" sldId="2147483658"/>
              <ac:spMk id="4" creationId="{2B9679A2-737E-8744-B8BA-6E4B59EEFD99}"/>
            </ac:spMkLst>
          </pc:spChg>
          <pc:spChg chg="add mod">
            <ac:chgData name="LIU, SumYin [Student]" userId="249ac7fb-9f50-4d2f-a0f3-c92e4dbde324" providerId="ADAL" clId="{6070ACD4-C5F1-C042-B3EE-C74E792D1553}" dt="2021-08-17T20:15:14.730" v="306" actId="171"/>
            <ac:spMkLst>
              <pc:docMk/>
              <pc:sldMasterMk cId="0" sldId="2147483669"/>
              <pc:sldLayoutMk cId="0" sldId="2147483658"/>
              <ac:spMk id="5" creationId="{CD01D07A-A75B-F440-9C4A-9A21490F290D}"/>
            </ac:spMkLst>
          </pc:spChg>
          <pc:picChg chg="add mod">
            <ac:chgData name="LIU, SumYin [Student]" userId="249ac7fb-9f50-4d2f-a0f3-c92e4dbde324" providerId="ADAL" clId="{6070ACD4-C5F1-C042-B3EE-C74E792D1553}" dt="2021-08-17T20:15:22.438" v="307" actId="166"/>
            <ac:picMkLst>
              <pc:docMk/>
              <pc:sldMasterMk cId="0" sldId="2147483669"/>
              <pc:sldLayoutMk cId="0" sldId="2147483658"/>
              <ac:picMk id="3" creationId="{136C5E6E-7403-5745-B861-9A7B5FB7950F}"/>
            </ac:picMkLst>
          </pc:picChg>
          <pc:picChg chg="add del mod">
            <ac:chgData name="LIU, SumYin [Student]" userId="249ac7fb-9f50-4d2f-a0f3-c92e4dbde324" providerId="ADAL" clId="{6070ACD4-C5F1-C042-B3EE-C74E792D1553}" dt="2021-08-17T20:14:00.291" v="288" actId="478"/>
            <ac:picMkLst>
              <pc:docMk/>
              <pc:sldMasterMk cId="0" sldId="2147483669"/>
              <pc:sldLayoutMk cId="0" sldId="2147483658"/>
              <ac:picMk id="18" creationId="{A18CA79F-2219-A44B-B23D-9D959834C789}"/>
            </ac:picMkLst>
          </pc:picChg>
          <pc:picChg chg="add mod">
            <ac:chgData name="LIU, SumYin [Student]" userId="249ac7fb-9f50-4d2f-a0f3-c92e4dbde324" providerId="ADAL" clId="{6070ACD4-C5F1-C042-B3EE-C74E792D1553}" dt="2021-08-17T20:15:27.592" v="308" actId="170"/>
            <ac:picMkLst>
              <pc:docMk/>
              <pc:sldMasterMk cId="0" sldId="2147483669"/>
              <pc:sldLayoutMk cId="0" sldId="2147483658"/>
              <ac:picMk id="19" creationId="{6B4628FC-5840-5240-9EE3-498CDC515848}"/>
            </ac:picMkLst>
          </pc:picChg>
        </pc:sldLayoutChg>
        <pc:sldLayoutChg chg="addSp delSp mod">
          <pc:chgData name="LIU, SumYin [Student]" userId="249ac7fb-9f50-4d2f-a0f3-c92e4dbde324" providerId="ADAL" clId="{6070ACD4-C5F1-C042-B3EE-C74E792D1553}" dt="2021-08-17T19:41:33.158" v="26" actId="478"/>
          <pc:sldLayoutMkLst>
            <pc:docMk/>
            <pc:sldMasterMk cId="0" sldId="2147483669"/>
            <pc:sldLayoutMk cId="0" sldId="2147483670"/>
          </pc:sldLayoutMkLst>
          <pc:spChg chg="add del">
            <ac:chgData name="LIU, SumYin [Student]" userId="249ac7fb-9f50-4d2f-a0f3-c92e4dbde324" providerId="ADAL" clId="{6070ACD4-C5F1-C042-B3EE-C74E792D1553}" dt="2021-08-17T19:41:33.158" v="26" actId="478"/>
            <ac:spMkLst>
              <pc:docMk/>
              <pc:sldMasterMk cId="0" sldId="2147483669"/>
              <pc:sldLayoutMk cId="0" sldId="2147483670"/>
              <ac:spMk id="2" creationId="{02A6AB6B-A3CD-4C47-8B60-498B5B0BBE57}"/>
            </ac:spMkLst>
          </pc:spChg>
        </pc:sldLayoutChg>
        <pc:sldLayoutChg chg="del">
          <pc:chgData name="LIU, SumYin [Student]" userId="249ac7fb-9f50-4d2f-a0f3-c92e4dbde324" providerId="ADAL" clId="{6070ACD4-C5F1-C042-B3EE-C74E792D1553}" dt="2021-08-18T15:02:26.475" v="426" actId="2696"/>
          <pc:sldLayoutMkLst>
            <pc:docMk/>
            <pc:sldMasterMk cId="0" sldId="2147483669"/>
            <pc:sldLayoutMk cId="2021601103" sldId="2147483670"/>
          </pc:sldLayoutMkLst>
        </pc:sldLayoutChg>
        <pc:sldLayoutChg chg="del">
          <pc:chgData name="LIU, SumYin [Student]" userId="249ac7fb-9f50-4d2f-a0f3-c92e4dbde324" providerId="ADAL" clId="{6070ACD4-C5F1-C042-B3EE-C74E792D1553}" dt="2021-08-17T19:56:32.219" v="245" actId="2696"/>
          <pc:sldLayoutMkLst>
            <pc:docMk/>
            <pc:sldMasterMk cId="0" sldId="2147483669"/>
            <pc:sldLayoutMk cId="2629402352" sldId="2147483670"/>
          </pc:sldLayoutMkLst>
        </pc:sldLayoutChg>
        <pc:sldLayoutChg chg="del">
          <pc:chgData name="LIU, SumYin [Student]" userId="249ac7fb-9f50-4d2f-a0f3-c92e4dbde324" providerId="ADAL" clId="{6070ACD4-C5F1-C042-B3EE-C74E792D1553}" dt="2021-08-17T19:57:34.331" v="253" actId="2696"/>
          <pc:sldLayoutMkLst>
            <pc:docMk/>
            <pc:sldMasterMk cId="0" sldId="2147483669"/>
            <pc:sldLayoutMk cId="2868994960" sldId="2147483670"/>
          </pc:sldLayoutMkLst>
        </pc:sldLayoutChg>
        <pc:sldLayoutChg chg="del">
          <pc:chgData name="LIU, SumYin [Student]" userId="249ac7fb-9f50-4d2f-a0f3-c92e4dbde324" providerId="ADAL" clId="{6070ACD4-C5F1-C042-B3EE-C74E792D1553}" dt="2021-08-17T19:54:06.005" v="233" actId="2696"/>
          <pc:sldLayoutMkLst>
            <pc:docMk/>
            <pc:sldMasterMk cId="0" sldId="2147483669"/>
            <pc:sldLayoutMk cId="3506077166" sldId="2147483670"/>
          </pc:sldLayoutMkLst>
        </pc:sldLayoutChg>
      </pc:sldMasterChg>
    </pc:docChg>
  </pc:docChgLst>
  <pc:docChgLst>
    <pc:chgData name="CHEUNG, Hiu Ching Athena [Student]" userId="03cc0922-5853-4d01-aac9-cbffaf26e9d9" providerId="ADAL" clId="{2240041F-79D8-4AA7-B125-CC178DE728E6}"/>
    <pc:docChg chg="custSel modSld">
      <pc:chgData name="CHEUNG, Hiu Ching Athena [Student]" userId="03cc0922-5853-4d01-aac9-cbffaf26e9d9" providerId="ADAL" clId="{2240041F-79D8-4AA7-B125-CC178DE728E6}" dt="2021-12-16T06:02:51.201" v="1" actId="478"/>
      <pc:docMkLst>
        <pc:docMk/>
      </pc:docMkLst>
      <pc:sldChg chg="delSp modSp mod">
        <pc:chgData name="CHEUNG, Hiu Ching Athena [Student]" userId="03cc0922-5853-4d01-aac9-cbffaf26e9d9" providerId="ADAL" clId="{2240041F-79D8-4AA7-B125-CC178DE728E6}" dt="2021-12-16T06:02:51.201" v="1" actId="478"/>
        <pc:sldMkLst>
          <pc:docMk/>
          <pc:sldMk cId="0" sldId="256"/>
        </pc:sldMkLst>
        <pc:spChg chg="del mod">
          <ac:chgData name="CHEUNG, Hiu Ching Athena [Student]" userId="03cc0922-5853-4d01-aac9-cbffaf26e9d9" providerId="ADAL" clId="{2240041F-79D8-4AA7-B125-CC178DE728E6}" dt="2021-12-16T06:02:51.201" v="1" actId="478"/>
          <ac:spMkLst>
            <pc:docMk/>
            <pc:sldMk cId="0" sldId="256"/>
            <ac:spMk id="2" creationId="{77A731EB-6D68-4FCF-B00D-78E3A67C41CB}"/>
          </ac:spMkLst>
        </pc:sp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>
            <a:spLocks noGrp="1" noRot="1" noChangeAspect="1"/>
          </p:cNvSpPr>
          <p:nvPr>
            <p:ph type="sldImg" idx="2"/>
          </p:nvPr>
        </p:nvSpPr>
        <p:spPr>
          <a:xfrm>
            <a:off x="381300" y="685800"/>
            <a:ext cx="6096075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4" name="Google Shape;4;n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marL="457200" lvl="0" indent="-298450">
              <a:spcBef>
                <a:spcPts val="0"/>
              </a:spcBef>
              <a:spcAft>
                <a:spcPts val="0"/>
              </a:spcAft>
              <a:buSzPts val="1100"/>
              <a:buChar char="●"/>
              <a:defRPr sz="1100"/>
            </a:lvl1pPr>
            <a:lvl2pPr marL="914400" lvl="1" indent="-298450">
              <a:spcBef>
                <a:spcPts val="0"/>
              </a:spcBef>
              <a:spcAft>
                <a:spcPts val="0"/>
              </a:spcAft>
              <a:buSzPts val="1100"/>
              <a:buChar char="○"/>
              <a:defRPr sz="1100"/>
            </a:lvl2pPr>
            <a:lvl3pPr marL="1371600" lvl="2" indent="-298450">
              <a:spcBef>
                <a:spcPts val="0"/>
              </a:spcBef>
              <a:spcAft>
                <a:spcPts val="0"/>
              </a:spcAft>
              <a:buSzPts val="1100"/>
              <a:buChar char="■"/>
              <a:defRPr sz="1100"/>
            </a:lvl3pPr>
            <a:lvl4pPr marL="1828800" lvl="3" indent="-298450">
              <a:spcBef>
                <a:spcPts val="0"/>
              </a:spcBef>
              <a:spcAft>
                <a:spcPts val="0"/>
              </a:spcAft>
              <a:buSzPts val="1100"/>
              <a:buChar char="●"/>
              <a:defRPr sz="1100"/>
            </a:lvl4pPr>
            <a:lvl5pPr marL="2286000" lvl="4" indent="-298450">
              <a:spcBef>
                <a:spcPts val="0"/>
              </a:spcBef>
              <a:spcAft>
                <a:spcPts val="0"/>
              </a:spcAft>
              <a:buSzPts val="1100"/>
              <a:buChar char="○"/>
              <a:defRPr sz="1100"/>
            </a:lvl5pPr>
            <a:lvl6pPr marL="2743200" lvl="5" indent="-298450">
              <a:spcBef>
                <a:spcPts val="0"/>
              </a:spcBef>
              <a:spcAft>
                <a:spcPts val="0"/>
              </a:spcAft>
              <a:buSzPts val="1100"/>
              <a:buChar char="■"/>
              <a:defRPr sz="1100"/>
            </a:lvl6pPr>
            <a:lvl7pPr marL="3200400" lvl="6" indent="-298450">
              <a:spcBef>
                <a:spcPts val="0"/>
              </a:spcBef>
              <a:spcAft>
                <a:spcPts val="0"/>
              </a:spcAft>
              <a:buSzPts val="1100"/>
              <a:buChar char="●"/>
              <a:defRPr sz="1100"/>
            </a:lvl7pPr>
            <a:lvl8pPr marL="3657600" lvl="7" indent="-298450">
              <a:spcBef>
                <a:spcPts val="0"/>
              </a:spcBef>
              <a:spcAft>
                <a:spcPts val="0"/>
              </a:spcAft>
              <a:buSzPts val="1100"/>
              <a:buChar char="○"/>
              <a:defRPr sz="1100"/>
            </a:lvl8pPr>
            <a:lvl9pPr marL="4114800" lvl="8" indent="-298450">
              <a:spcBef>
                <a:spcPts val="0"/>
              </a:spcBef>
              <a:spcAft>
                <a:spcPts val="0"/>
              </a:spcAft>
              <a:buSzPts val="1100"/>
              <a:buChar char="■"/>
              <a:defRPr sz="1100"/>
            </a:lvl9pPr>
          </a:lstStyle>
          <a:p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1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6" name="Google Shape;116;g6c52a2e8d8_0_177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117" name="Google Shape;117;g6c52a2e8d8_0_177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32779756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3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1" name="Google Shape;331;g6c60e245bf_1_31323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332" name="Google Shape;332;g6c60e245bf_1_3132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13913199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83747956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62906962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16783619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2840639370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502073551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3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1" name="Google Shape;331;g6c60e245bf_1_31323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332" name="Google Shape;332;g6c60e245bf_1_3132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26622405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2228141751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79567359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9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9" name="Google Shape;199;g6c4305b01e_0_0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00" name="Google Shape;200;g6c4305b01e_0_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034229420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343180278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altLang="zh-HK"/>
              <a:t>(DATE OF FINAL REPORT?)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3275694357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2923840274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8967767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3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1" name="Google Shape;331;g6c60e245bf_1_31323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332" name="Google Shape;332;g6c60e245bf_1_3132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80222482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208578181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1525645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27741475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45997915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66084650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type="title">
  <p:cSld name="TITLE">
    <p:spTree>
      <p:nvGrpSpPr>
        <p:cNvPr id="1" name="Shape 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Google Shape;9;p2"/>
          <p:cNvSpPr txBox="1">
            <a:spLocks noGrp="1"/>
          </p:cNvSpPr>
          <p:nvPr>
            <p:ph type="ctrTitle"/>
          </p:nvPr>
        </p:nvSpPr>
        <p:spPr>
          <a:xfrm>
            <a:off x="657225" y="887450"/>
            <a:ext cx="4517400" cy="20526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SzPts val="5200"/>
              <a:buNone/>
              <a:defRPr sz="5200">
                <a:solidFill>
                  <a:schemeClr val="lt1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1pPr>
            <a:lvl2pPr lvl="1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2pPr>
            <a:lvl3pPr lvl="2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3pPr>
            <a:lvl4pPr lvl="3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4pPr>
            <a:lvl5pPr lvl="4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5pPr>
            <a:lvl6pPr lvl="5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6pPr>
            <a:lvl7pPr lvl="6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7pPr>
            <a:lvl8pPr lvl="7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8pPr>
            <a:lvl9pPr lvl="8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9pPr>
          </a:lstStyle>
          <a:p>
            <a:endParaRPr/>
          </a:p>
        </p:txBody>
      </p:sp>
      <p:sp>
        <p:nvSpPr>
          <p:cNvPr id="10" name="Google Shape;10;p2"/>
          <p:cNvSpPr txBox="1">
            <a:spLocks noGrp="1"/>
          </p:cNvSpPr>
          <p:nvPr>
            <p:ph type="subTitle" idx="1"/>
          </p:nvPr>
        </p:nvSpPr>
        <p:spPr>
          <a:xfrm>
            <a:off x="720000" y="2835275"/>
            <a:ext cx="3295500" cy="7926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>
                <a:solidFill>
                  <a:srgbClr val="1C4587"/>
                </a:solidFill>
              </a:defRPr>
            </a:lvl1pPr>
            <a:lvl2pPr lvl="1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2pPr>
            <a:lvl3pPr lvl="2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3pPr>
            <a:lvl4pPr lvl="3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4pPr>
            <a:lvl5pPr lvl="4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5pPr>
            <a:lvl6pPr lvl="5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6pPr>
            <a:lvl7pPr lvl="6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7pPr>
            <a:lvl8pPr lvl="7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8pPr>
            <a:lvl9pPr lvl="8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lank" type="blank">
  <p:cSld name="BLANK">
    <p:bg>
      <p:bgPr>
        <a:noFill/>
        <a:effectLst/>
      </p:bgPr>
    </p:bg>
    <p:spTree>
      <p:nvGrpSpPr>
        <p:cNvPr id="1" name="Shape 110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ection header" type="secHead">
  <p:cSld name="SECTION_HEADER">
    <p:spTree>
      <p:nvGrpSpPr>
        <p:cNvPr id="1" name="Shape 1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Google Shape;12;p3"/>
          <p:cNvSpPr txBox="1">
            <a:spLocks noGrp="1"/>
          </p:cNvSpPr>
          <p:nvPr>
            <p:ph type="ctrTitle"/>
          </p:nvPr>
        </p:nvSpPr>
        <p:spPr>
          <a:xfrm>
            <a:off x="605842" y="2880025"/>
            <a:ext cx="2622000" cy="8373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4800">
                <a:solidFill>
                  <a:schemeClr val="lt1"/>
                </a:solidFill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13" name="Google Shape;13;p3"/>
          <p:cNvSpPr txBox="1">
            <a:spLocks noGrp="1"/>
          </p:cNvSpPr>
          <p:nvPr>
            <p:ph type="subTitle" idx="1"/>
          </p:nvPr>
        </p:nvSpPr>
        <p:spPr>
          <a:xfrm>
            <a:off x="605842" y="3554700"/>
            <a:ext cx="2357100" cy="1048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/>
            </a:lvl1pPr>
            <a:lvl2pPr lvl="1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2pPr>
            <a:lvl3pPr lvl="2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3pPr>
            <a:lvl4pPr lvl="3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4pPr>
            <a:lvl5pPr lvl="4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5pPr>
            <a:lvl6pPr lvl="5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6pPr>
            <a:lvl7pPr lvl="6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7pPr>
            <a:lvl8pPr lvl="7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8pPr>
            <a:lvl9pPr lvl="8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14" name="Google Shape;14;p3"/>
          <p:cNvSpPr txBox="1">
            <a:spLocks noGrp="1"/>
          </p:cNvSpPr>
          <p:nvPr>
            <p:ph type="title" idx="2" hasCustomPrompt="1"/>
          </p:nvPr>
        </p:nvSpPr>
        <p:spPr>
          <a:xfrm>
            <a:off x="896550" y="990225"/>
            <a:ext cx="10923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None/>
              <a:defRPr sz="6000">
                <a:solidFill>
                  <a:schemeClr val="accent1"/>
                </a:solidFill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t>xx%</a:t>
            </a:r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two columns" type="twoColTx">
  <p:cSld name="TITLE_AND_TWO_COLUMNS">
    <p:spTree>
      <p:nvGrpSpPr>
        <p:cNvPr id="1" name="Shape 1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Google Shape;19;p5"/>
          <p:cNvSpPr txBox="1">
            <a:spLocks noGrp="1"/>
          </p:cNvSpPr>
          <p:nvPr>
            <p:ph type="ctrTitle"/>
          </p:nvPr>
        </p:nvSpPr>
        <p:spPr>
          <a:xfrm>
            <a:off x="1400175" y="2262605"/>
            <a:ext cx="982200" cy="644700"/>
          </a:xfrm>
          <a:prstGeom prst="rect">
            <a:avLst/>
          </a:prstGeom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2000">
                <a:solidFill>
                  <a:schemeClr val="lt1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1pPr>
            <a:lvl2pPr lvl="1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2pPr>
            <a:lvl3pPr lvl="2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3pPr>
            <a:lvl4pPr lvl="3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4pPr>
            <a:lvl5pPr lvl="4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5pPr>
            <a:lvl6pPr lvl="5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6pPr>
            <a:lvl7pPr lvl="6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7pPr>
            <a:lvl8pPr lvl="7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8pPr>
            <a:lvl9pPr lvl="8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9pPr>
          </a:lstStyle>
          <a:p>
            <a:endParaRPr/>
          </a:p>
        </p:txBody>
      </p:sp>
      <p:sp>
        <p:nvSpPr>
          <p:cNvPr id="20" name="Google Shape;20;p5"/>
          <p:cNvSpPr txBox="1">
            <a:spLocks noGrp="1"/>
          </p:cNvSpPr>
          <p:nvPr>
            <p:ph type="subTitle" idx="1"/>
          </p:nvPr>
        </p:nvSpPr>
        <p:spPr>
          <a:xfrm>
            <a:off x="1400175" y="2810800"/>
            <a:ext cx="2620500" cy="111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400"/>
            </a:lvl1pPr>
            <a:lvl2pPr lvl="1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2pPr>
            <a:lvl3pPr lvl="2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3pPr>
            <a:lvl4pPr lvl="3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4pPr>
            <a:lvl5pPr lvl="4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5pPr>
            <a:lvl6pPr lvl="5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6pPr>
            <a:lvl7pPr lvl="6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7pPr>
            <a:lvl8pPr lvl="7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8pPr>
            <a:lvl9pPr lvl="8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21" name="Google Shape;21;p5"/>
          <p:cNvSpPr txBox="1">
            <a:spLocks noGrp="1"/>
          </p:cNvSpPr>
          <p:nvPr>
            <p:ph type="ctrTitle" idx="2"/>
          </p:nvPr>
        </p:nvSpPr>
        <p:spPr>
          <a:xfrm>
            <a:off x="5038725" y="2262605"/>
            <a:ext cx="1137300" cy="644700"/>
          </a:xfrm>
          <a:prstGeom prst="rect">
            <a:avLst/>
          </a:prstGeom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2000">
                <a:solidFill>
                  <a:schemeClr val="lt1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1pPr>
            <a:lvl2pPr lvl="1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2pPr>
            <a:lvl3pPr lvl="2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3pPr>
            <a:lvl4pPr lvl="3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4pPr>
            <a:lvl5pPr lvl="4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5pPr>
            <a:lvl6pPr lvl="5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6pPr>
            <a:lvl7pPr lvl="6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7pPr>
            <a:lvl8pPr lvl="7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8pPr>
            <a:lvl9pPr lvl="8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9pPr>
          </a:lstStyle>
          <a:p>
            <a:endParaRPr/>
          </a:p>
        </p:txBody>
      </p:sp>
      <p:sp>
        <p:nvSpPr>
          <p:cNvPr id="22" name="Google Shape;22;p5"/>
          <p:cNvSpPr txBox="1">
            <a:spLocks noGrp="1"/>
          </p:cNvSpPr>
          <p:nvPr>
            <p:ph type="subTitle" idx="3"/>
          </p:nvPr>
        </p:nvSpPr>
        <p:spPr>
          <a:xfrm>
            <a:off x="5038725" y="2810800"/>
            <a:ext cx="2737500" cy="111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400"/>
            </a:lvl1pPr>
            <a:lvl2pPr lvl="1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2pPr>
            <a:lvl3pPr lvl="2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3pPr>
            <a:lvl4pPr lvl="3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4pPr>
            <a:lvl5pPr lvl="4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5pPr>
            <a:lvl6pPr lvl="5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6pPr>
            <a:lvl7pPr lvl="6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7pPr>
            <a:lvl8pPr lvl="7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8pPr>
            <a:lvl9pPr lvl="8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23" name="Google Shape;23;p5"/>
          <p:cNvSpPr txBox="1">
            <a:spLocks noGrp="1"/>
          </p:cNvSpPr>
          <p:nvPr>
            <p:ph type="ctrTitle" idx="4"/>
          </p:nvPr>
        </p:nvSpPr>
        <p:spPr>
          <a:xfrm>
            <a:off x="618825" y="742087"/>
            <a:ext cx="46182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None/>
              <a:defRPr sz="3000"/>
            </a:lvl1pPr>
            <a:lvl2pPr lvl="1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2pPr>
            <a:lvl3pPr lvl="2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3pPr>
            <a:lvl4pPr lvl="3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4pPr>
            <a:lvl5pPr lvl="4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5pPr>
            <a:lvl6pPr lvl="5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6pPr>
            <a:lvl7pPr lvl="6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7pPr>
            <a:lvl8pPr lvl="7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8pPr>
            <a:lvl9pPr lvl="8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C98985-EA13-49AD-9A86-E3040A5887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HK"/>
          </a:p>
        </p:txBody>
      </p:sp>
    </p:spTree>
    <p:extLst>
      <p:ext uri="{BB962C8B-B14F-4D97-AF65-F5344CB8AC3E}">
        <p14:creationId xmlns:p14="http://schemas.microsoft.com/office/powerpoint/2010/main" val="127972957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Main point">
  <p:cSld name="MAIN_POINT">
    <p:spTree>
      <p:nvGrpSpPr>
        <p:cNvPr id="1" name="Shape 2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Google Shape;30;p8"/>
          <p:cNvSpPr txBox="1">
            <a:spLocks noGrp="1"/>
          </p:cNvSpPr>
          <p:nvPr>
            <p:ph type="title"/>
          </p:nvPr>
        </p:nvSpPr>
        <p:spPr>
          <a:xfrm>
            <a:off x="490250" y="450150"/>
            <a:ext cx="6367800" cy="4090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1pPr>
            <a:lvl2pPr lvl="1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2pPr>
            <a:lvl3pPr lvl="2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3pPr>
            <a:lvl4pPr lvl="3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4pPr>
            <a:lvl5pPr lvl="4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5pPr>
            <a:lvl6pPr lvl="5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6pPr>
            <a:lvl7pPr lvl="6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7pPr>
            <a:lvl8pPr lvl="7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8pPr>
            <a:lvl9pPr lvl="8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ection title and description">
  <p:cSld name="SECTION_TITLE_AND_DESCRIPTION">
    <p:spTree>
      <p:nvGrpSpPr>
        <p:cNvPr id="1" name="Shape 3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Google Shape;32;p9"/>
          <p:cNvSpPr txBox="1">
            <a:spLocks noGrp="1"/>
          </p:cNvSpPr>
          <p:nvPr>
            <p:ph type="title"/>
          </p:nvPr>
        </p:nvSpPr>
        <p:spPr>
          <a:xfrm>
            <a:off x="265500" y="1233175"/>
            <a:ext cx="4045200" cy="14823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1pPr>
            <a:lvl2pPr lvl="1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2pPr>
            <a:lvl3pPr lvl="2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3pPr>
            <a:lvl4pPr lvl="3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4pPr>
            <a:lvl5pPr lvl="4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5pPr>
            <a:lvl6pPr lvl="5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6pPr>
            <a:lvl7pPr lvl="6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7pPr>
            <a:lvl8pPr lvl="7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8pPr>
            <a:lvl9pPr lvl="8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9pPr>
          </a:lstStyle>
          <a:p>
            <a:endParaRPr/>
          </a:p>
        </p:txBody>
      </p:sp>
      <p:sp>
        <p:nvSpPr>
          <p:cNvPr id="33" name="Google Shape;33;p9"/>
          <p:cNvSpPr txBox="1">
            <a:spLocks noGrp="1"/>
          </p:cNvSpPr>
          <p:nvPr>
            <p:ph type="subTitle" idx="1"/>
          </p:nvPr>
        </p:nvSpPr>
        <p:spPr>
          <a:xfrm>
            <a:off x="265500" y="2803075"/>
            <a:ext cx="4045200" cy="12351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1pPr>
            <a:lvl2pPr lvl="1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2pPr>
            <a:lvl3pPr lvl="2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3pPr>
            <a:lvl4pPr lvl="3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4pPr>
            <a:lvl5pPr lvl="4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5pPr>
            <a:lvl6pPr lvl="5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6pPr>
            <a:lvl7pPr lvl="6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7pPr>
            <a:lvl8pPr lvl="7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8pPr>
            <a:lvl9pPr lvl="8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9pPr>
          </a:lstStyle>
          <a:p>
            <a:endParaRPr/>
          </a:p>
        </p:txBody>
      </p:sp>
      <p:sp>
        <p:nvSpPr>
          <p:cNvPr id="34" name="Google Shape;34;p9"/>
          <p:cNvSpPr txBox="1">
            <a:spLocks noGrp="1"/>
          </p:cNvSpPr>
          <p:nvPr>
            <p:ph type="body" idx="2"/>
          </p:nvPr>
        </p:nvSpPr>
        <p:spPr>
          <a:xfrm>
            <a:off x="4939500" y="724075"/>
            <a:ext cx="3837000" cy="36951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marL="457200" lvl="0" indent="-342900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1pPr>
            <a:lvl2pPr marL="914400" lvl="1" indent="-317500">
              <a:spcBef>
                <a:spcPts val="1600"/>
              </a:spcBef>
              <a:spcAft>
                <a:spcPts val="0"/>
              </a:spcAft>
              <a:buSzPts val="1400"/>
              <a:buChar char="○"/>
              <a:defRPr/>
            </a:lvl2pPr>
            <a:lvl3pPr marL="1371600" lvl="2" indent="-317500">
              <a:spcBef>
                <a:spcPts val="1600"/>
              </a:spcBef>
              <a:spcAft>
                <a:spcPts val="0"/>
              </a:spcAft>
              <a:buSzPts val="1400"/>
              <a:buChar char="■"/>
              <a:defRPr/>
            </a:lvl3pPr>
            <a:lvl4pPr marL="1828800" lvl="3" indent="-317500">
              <a:spcBef>
                <a:spcPts val="1600"/>
              </a:spcBef>
              <a:spcAft>
                <a:spcPts val="0"/>
              </a:spcAft>
              <a:buSzPts val="1400"/>
              <a:buChar char="●"/>
              <a:defRPr/>
            </a:lvl4pPr>
            <a:lvl5pPr marL="2286000" lvl="4" indent="-317500">
              <a:spcBef>
                <a:spcPts val="1600"/>
              </a:spcBef>
              <a:spcAft>
                <a:spcPts val="0"/>
              </a:spcAft>
              <a:buSzPts val="1400"/>
              <a:buChar char="○"/>
              <a:defRPr/>
            </a:lvl5pPr>
            <a:lvl6pPr marL="2743200" lvl="5" indent="-317500">
              <a:spcBef>
                <a:spcPts val="1600"/>
              </a:spcBef>
              <a:spcAft>
                <a:spcPts val="0"/>
              </a:spcAft>
              <a:buSzPts val="1400"/>
              <a:buChar char="■"/>
              <a:defRPr/>
            </a:lvl6pPr>
            <a:lvl7pPr marL="3200400" lvl="6" indent="-317500">
              <a:spcBef>
                <a:spcPts val="1600"/>
              </a:spcBef>
              <a:spcAft>
                <a:spcPts val="0"/>
              </a:spcAft>
              <a:buSzPts val="1400"/>
              <a:buChar char="●"/>
              <a:defRPr/>
            </a:lvl7pPr>
            <a:lvl8pPr marL="3657600" lvl="7" indent="-317500">
              <a:spcBef>
                <a:spcPts val="1600"/>
              </a:spcBef>
              <a:spcAft>
                <a:spcPts val="0"/>
              </a:spcAft>
              <a:buSzPts val="1400"/>
              <a:buChar char="○"/>
              <a:defRPr/>
            </a:lvl8pPr>
            <a:lvl9pPr marL="4114800" lvl="8" indent="-317500">
              <a:spcBef>
                <a:spcPts val="1600"/>
              </a:spcBef>
              <a:spcAft>
                <a:spcPts val="1600"/>
              </a:spcAft>
              <a:buSzPts val="1400"/>
              <a:buChar char="■"/>
              <a:defRPr/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ig number">
  <p:cSld name="BIG_NUMBER">
    <p:spTree>
      <p:nvGrpSpPr>
        <p:cNvPr id="1" name="Shape 3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Google Shape;38;p11"/>
          <p:cNvSpPr txBox="1">
            <a:spLocks noGrp="1"/>
          </p:cNvSpPr>
          <p:nvPr>
            <p:ph type="title" hasCustomPrompt="1"/>
          </p:nvPr>
        </p:nvSpPr>
        <p:spPr>
          <a:xfrm>
            <a:off x="311700" y="1106125"/>
            <a:ext cx="8520600" cy="19635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1pPr>
            <a:lvl2pPr lvl="1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2pPr>
            <a:lvl3pPr lvl="2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3pPr>
            <a:lvl4pPr lvl="3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4pPr>
            <a:lvl5pPr lvl="4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5pPr>
            <a:lvl6pPr lvl="5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6pPr>
            <a:lvl7pPr lvl="6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7pPr>
            <a:lvl8pPr lvl="7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8pPr>
            <a:lvl9pPr lvl="8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9pPr>
          </a:lstStyle>
          <a:p>
            <a:r>
              <a:t>xx%</a:t>
            </a:r>
          </a:p>
        </p:txBody>
      </p:sp>
      <p:sp>
        <p:nvSpPr>
          <p:cNvPr id="39" name="Google Shape;39;p11"/>
          <p:cNvSpPr txBox="1">
            <a:spLocks noGrp="1"/>
          </p:cNvSpPr>
          <p:nvPr>
            <p:ph type="body" idx="1"/>
          </p:nvPr>
        </p:nvSpPr>
        <p:spPr>
          <a:xfrm>
            <a:off x="311700" y="3152225"/>
            <a:ext cx="8520600" cy="1300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marL="457200" lvl="0" indent="-342900" algn="ctr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1pPr>
            <a:lvl2pPr marL="914400" lvl="1" indent="-317500" algn="ctr">
              <a:spcBef>
                <a:spcPts val="1600"/>
              </a:spcBef>
              <a:spcAft>
                <a:spcPts val="0"/>
              </a:spcAft>
              <a:buSzPts val="1400"/>
              <a:buChar char="○"/>
              <a:defRPr/>
            </a:lvl2pPr>
            <a:lvl3pPr marL="1371600" lvl="2" indent="-317500" algn="ctr">
              <a:spcBef>
                <a:spcPts val="1600"/>
              </a:spcBef>
              <a:spcAft>
                <a:spcPts val="0"/>
              </a:spcAft>
              <a:buSzPts val="1400"/>
              <a:buChar char="■"/>
              <a:defRPr/>
            </a:lvl3pPr>
            <a:lvl4pPr marL="1828800" lvl="3" indent="-317500" algn="ctr">
              <a:spcBef>
                <a:spcPts val="1600"/>
              </a:spcBef>
              <a:spcAft>
                <a:spcPts val="0"/>
              </a:spcAft>
              <a:buSzPts val="1400"/>
              <a:buChar char="●"/>
              <a:defRPr/>
            </a:lvl4pPr>
            <a:lvl5pPr marL="2286000" lvl="4" indent="-317500" algn="ctr">
              <a:spcBef>
                <a:spcPts val="1600"/>
              </a:spcBef>
              <a:spcAft>
                <a:spcPts val="0"/>
              </a:spcAft>
              <a:buSzPts val="1400"/>
              <a:buChar char="○"/>
              <a:defRPr/>
            </a:lvl5pPr>
            <a:lvl6pPr marL="2743200" lvl="5" indent="-317500" algn="ctr">
              <a:spcBef>
                <a:spcPts val="1600"/>
              </a:spcBef>
              <a:spcAft>
                <a:spcPts val="0"/>
              </a:spcAft>
              <a:buSzPts val="1400"/>
              <a:buChar char="■"/>
              <a:defRPr/>
            </a:lvl6pPr>
            <a:lvl7pPr marL="3200400" lvl="6" indent="-317500" algn="ctr">
              <a:spcBef>
                <a:spcPts val="1600"/>
              </a:spcBef>
              <a:spcAft>
                <a:spcPts val="0"/>
              </a:spcAft>
              <a:buSzPts val="1400"/>
              <a:buChar char="●"/>
              <a:defRPr/>
            </a:lvl7pPr>
            <a:lvl8pPr marL="3657600" lvl="7" indent="-317500" algn="ctr">
              <a:spcBef>
                <a:spcPts val="1600"/>
              </a:spcBef>
              <a:spcAft>
                <a:spcPts val="0"/>
              </a:spcAft>
              <a:buSzPts val="1400"/>
              <a:buChar char="○"/>
              <a:defRPr/>
            </a:lvl8pPr>
            <a:lvl9pPr marL="4114800" lvl="8" indent="-317500" algn="ctr">
              <a:spcBef>
                <a:spcPts val="1600"/>
              </a:spcBef>
              <a:spcAft>
                <a:spcPts val="1600"/>
              </a:spcAft>
              <a:buSzPts val="1400"/>
              <a:buChar char="■"/>
              <a:defRPr/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able of contents">
  <p:cSld name="CUSTOM">
    <p:spTree>
      <p:nvGrpSpPr>
        <p:cNvPr id="1" name="Shape 4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Google Shape;41;p12"/>
          <p:cNvSpPr txBox="1">
            <a:spLocks noGrp="1"/>
          </p:cNvSpPr>
          <p:nvPr>
            <p:ph type="ctrTitle"/>
          </p:nvPr>
        </p:nvSpPr>
        <p:spPr>
          <a:xfrm>
            <a:off x="1029526" y="1743250"/>
            <a:ext cx="30282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2000">
                <a:solidFill>
                  <a:schemeClr val="lt1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9pPr>
          </a:lstStyle>
          <a:p>
            <a:endParaRPr/>
          </a:p>
        </p:txBody>
      </p:sp>
      <p:sp>
        <p:nvSpPr>
          <p:cNvPr id="42" name="Google Shape;42;p12"/>
          <p:cNvSpPr txBox="1">
            <a:spLocks noGrp="1"/>
          </p:cNvSpPr>
          <p:nvPr>
            <p:ph type="subTitle" idx="1"/>
          </p:nvPr>
        </p:nvSpPr>
        <p:spPr>
          <a:xfrm>
            <a:off x="1029526" y="2152575"/>
            <a:ext cx="242820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400"/>
            </a:lvl1pPr>
            <a:lvl2pPr lvl="1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2pPr>
            <a:lvl3pPr lvl="2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3pPr>
            <a:lvl4pPr lvl="3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4pPr>
            <a:lvl5pPr lvl="4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5pPr>
            <a:lvl6pPr lvl="5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6pPr>
            <a:lvl7pPr lvl="6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7pPr>
            <a:lvl8pPr lvl="7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8pPr>
            <a:lvl9pPr lvl="8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43" name="Google Shape;43;p12"/>
          <p:cNvSpPr txBox="1">
            <a:spLocks noGrp="1"/>
          </p:cNvSpPr>
          <p:nvPr>
            <p:ph type="title" idx="2" hasCustomPrompt="1"/>
          </p:nvPr>
        </p:nvSpPr>
        <p:spPr>
          <a:xfrm>
            <a:off x="1029532" y="1292393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None/>
              <a:defRPr sz="4800">
                <a:solidFill>
                  <a:schemeClr val="accent1"/>
                </a:solidFill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t>xx%</a:t>
            </a:r>
          </a:p>
        </p:txBody>
      </p:sp>
      <p:sp>
        <p:nvSpPr>
          <p:cNvPr id="44" name="Google Shape;44;p12"/>
          <p:cNvSpPr txBox="1">
            <a:spLocks noGrp="1"/>
          </p:cNvSpPr>
          <p:nvPr>
            <p:ph type="ctrTitle" idx="3"/>
          </p:nvPr>
        </p:nvSpPr>
        <p:spPr>
          <a:xfrm>
            <a:off x="2199427" y="3354287"/>
            <a:ext cx="22518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algn="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2000">
                <a:solidFill>
                  <a:schemeClr val="lt1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9pPr>
          </a:lstStyle>
          <a:p>
            <a:endParaRPr/>
          </a:p>
        </p:txBody>
      </p:sp>
      <p:sp>
        <p:nvSpPr>
          <p:cNvPr id="45" name="Google Shape;45;p12"/>
          <p:cNvSpPr txBox="1">
            <a:spLocks noGrp="1"/>
          </p:cNvSpPr>
          <p:nvPr>
            <p:ph type="subTitle" idx="4"/>
          </p:nvPr>
        </p:nvSpPr>
        <p:spPr>
          <a:xfrm>
            <a:off x="2023027" y="3766755"/>
            <a:ext cx="242820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400"/>
            </a:lvl1pPr>
            <a:lvl2pPr lvl="1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2pPr>
            <a:lvl3pPr lvl="2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3pPr>
            <a:lvl4pPr lvl="3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4pPr>
            <a:lvl5pPr lvl="4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5pPr>
            <a:lvl6pPr lvl="5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6pPr>
            <a:lvl7pPr lvl="6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7pPr>
            <a:lvl8pPr lvl="7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8pPr>
            <a:lvl9pPr lvl="8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46" name="Google Shape;46;p12"/>
          <p:cNvSpPr txBox="1">
            <a:spLocks noGrp="1"/>
          </p:cNvSpPr>
          <p:nvPr>
            <p:ph type="title" idx="5" hasCustomPrompt="1"/>
          </p:nvPr>
        </p:nvSpPr>
        <p:spPr>
          <a:xfrm>
            <a:off x="2697427" y="2899055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lvl="0" algn="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None/>
              <a:defRPr sz="4800">
                <a:solidFill>
                  <a:schemeClr val="accent1"/>
                </a:solidFill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t>xx%</a:t>
            </a:r>
          </a:p>
        </p:txBody>
      </p:sp>
      <p:sp>
        <p:nvSpPr>
          <p:cNvPr id="47" name="Google Shape;47;p12"/>
          <p:cNvSpPr txBox="1">
            <a:spLocks noGrp="1"/>
          </p:cNvSpPr>
          <p:nvPr>
            <p:ph type="ctrTitle" idx="6"/>
          </p:nvPr>
        </p:nvSpPr>
        <p:spPr>
          <a:xfrm>
            <a:off x="618825" y="411675"/>
            <a:ext cx="45762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None/>
              <a:defRPr sz="3000"/>
            </a:lvl1pPr>
            <a:lvl2pPr lvl="1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2pPr>
            <a:lvl3pPr lvl="2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3pPr>
            <a:lvl4pPr lvl="3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4pPr>
            <a:lvl5pPr lvl="4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5pPr>
            <a:lvl6pPr lvl="5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6pPr>
            <a:lvl7pPr lvl="6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7pPr>
            <a:lvl8pPr lvl="7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8pPr>
            <a:lvl9pPr lvl="8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9pPr>
          </a:lstStyle>
          <a:p>
            <a:endParaRPr/>
          </a:p>
        </p:txBody>
      </p:sp>
      <p:sp>
        <p:nvSpPr>
          <p:cNvPr id="48" name="Google Shape;48;p12"/>
          <p:cNvSpPr txBox="1">
            <a:spLocks noGrp="1"/>
          </p:cNvSpPr>
          <p:nvPr>
            <p:ph type="ctrTitle" idx="7"/>
          </p:nvPr>
        </p:nvSpPr>
        <p:spPr>
          <a:xfrm>
            <a:off x="4571997" y="1743250"/>
            <a:ext cx="22518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2000">
                <a:solidFill>
                  <a:schemeClr val="lt1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9pPr>
          </a:lstStyle>
          <a:p>
            <a:endParaRPr/>
          </a:p>
        </p:txBody>
      </p:sp>
      <p:sp>
        <p:nvSpPr>
          <p:cNvPr id="49" name="Google Shape;49;p12"/>
          <p:cNvSpPr txBox="1">
            <a:spLocks noGrp="1"/>
          </p:cNvSpPr>
          <p:nvPr>
            <p:ph type="subTitle" idx="8"/>
          </p:nvPr>
        </p:nvSpPr>
        <p:spPr>
          <a:xfrm>
            <a:off x="4572001" y="2152575"/>
            <a:ext cx="242820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400"/>
            </a:lvl1pPr>
            <a:lvl2pPr lvl="1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2pPr>
            <a:lvl3pPr lvl="2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3pPr>
            <a:lvl4pPr lvl="3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4pPr>
            <a:lvl5pPr lvl="4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5pPr>
            <a:lvl6pPr lvl="5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6pPr>
            <a:lvl7pPr lvl="6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7pPr>
            <a:lvl8pPr lvl="7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8pPr>
            <a:lvl9pPr lvl="8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50" name="Google Shape;50;p12"/>
          <p:cNvSpPr txBox="1">
            <a:spLocks noGrp="1"/>
          </p:cNvSpPr>
          <p:nvPr>
            <p:ph type="title" idx="9" hasCustomPrompt="1"/>
          </p:nvPr>
        </p:nvSpPr>
        <p:spPr>
          <a:xfrm>
            <a:off x="4572007" y="1292393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None/>
              <a:defRPr sz="4800">
                <a:solidFill>
                  <a:schemeClr val="accent1"/>
                </a:solidFill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t>xx%</a:t>
            </a:r>
          </a:p>
        </p:txBody>
      </p:sp>
      <p:sp>
        <p:nvSpPr>
          <p:cNvPr id="51" name="Google Shape;51;p12"/>
          <p:cNvSpPr txBox="1">
            <a:spLocks noGrp="1"/>
          </p:cNvSpPr>
          <p:nvPr>
            <p:ph type="ctrTitle" idx="13"/>
          </p:nvPr>
        </p:nvSpPr>
        <p:spPr>
          <a:xfrm>
            <a:off x="5889577" y="3354287"/>
            <a:ext cx="22518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algn="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2000">
                <a:solidFill>
                  <a:schemeClr val="lt1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9pPr>
          </a:lstStyle>
          <a:p>
            <a:endParaRPr/>
          </a:p>
        </p:txBody>
      </p:sp>
      <p:sp>
        <p:nvSpPr>
          <p:cNvPr id="52" name="Google Shape;52;p12"/>
          <p:cNvSpPr txBox="1">
            <a:spLocks noGrp="1"/>
          </p:cNvSpPr>
          <p:nvPr>
            <p:ph type="subTitle" idx="14"/>
          </p:nvPr>
        </p:nvSpPr>
        <p:spPr>
          <a:xfrm>
            <a:off x="5713177" y="3766755"/>
            <a:ext cx="242820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400"/>
            </a:lvl1pPr>
            <a:lvl2pPr lvl="1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2pPr>
            <a:lvl3pPr lvl="2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3pPr>
            <a:lvl4pPr lvl="3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4pPr>
            <a:lvl5pPr lvl="4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5pPr>
            <a:lvl6pPr lvl="5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6pPr>
            <a:lvl7pPr lvl="6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7pPr>
            <a:lvl8pPr lvl="7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8pPr>
            <a:lvl9pPr lvl="8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53" name="Google Shape;53;p12"/>
          <p:cNvSpPr txBox="1">
            <a:spLocks noGrp="1"/>
          </p:cNvSpPr>
          <p:nvPr>
            <p:ph type="title" idx="15" hasCustomPrompt="1"/>
          </p:nvPr>
        </p:nvSpPr>
        <p:spPr>
          <a:xfrm>
            <a:off x="6387577" y="2899055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lvl="0" algn="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None/>
              <a:defRPr sz="4800">
                <a:solidFill>
                  <a:schemeClr val="accent1"/>
                </a:solidFill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t>xx%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CD01D07A-A75B-F440-9C4A-9A21490F290D}"/>
              </a:ext>
            </a:extLst>
          </p:cNvPr>
          <p:cNvSpPr/>
          <p:nvPr userDrawn="1"/>
        </p:nvSpPr>
        <p:spPr>
          <a:xfrm>
            <a:off x="6325807" y="28971"/>
            <a:ext cx="2690447" cy="860612"/>
          </a:xfrm>
          <a:prstGeom prst="rect">
            <a:avLst/>
          </a:prstGeom>
          <a:solidFill>
            <a:schemeClr val="accent2"/>
          </a:solidFill>
          <a:ln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Picture 2" descr="Shape, icon&#10;&#10;Description automatically generated">
            <a:extLst>
              <a:ext uri="{FF2B5EF4-FFF2-40B4-BE49-F238E27FC236}">
                <a16:creationId xmlns:a16="http://schemas.microsoft.com/office/drawing/2014/main" id="{136C5E6E-7403-5745-B861-9A7B5FB7950F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981844" y="-360222"/>
            <a:ext cx="2222500" cy="1435100"/>
          </a:xfrm>
          <a:prstGeom prst="rect">
            <a:avLst/>
          </a:prstGeom>
        </p:spPr>
      </p:pic>
      <p:pic>
        <p:nvPicPr>
          <p:cNvPr id="19" name="Picture 18" descr="Text&#10;&#10;Description automatically generated">
            <a:extLst>
              <a:ext uri="{FF2B5EF4-FFF2-40B4-BE49-F238E27FC236}">
                <a16:creationId xmlns:a16="http://schemas.microsoft.com/office/drawing/2014/main" id="{6B4628FC-5840-5240-9EE3-498CDC515848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6400054" y="0"/>
            <a:ext cx="2616200" cy="685800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ackground">
  <p:cSld name="CUSTOM_5">
    <p:spTree>
      <p:nvGrpSpPr>
        <p:cNvPr id="1" name="Shape 109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 name="simple-light-2">
    <p:bg>
      <p:bgPr>
        <a:solidFill>
          <a:srgbClr val="C1E0FB"/>
        </a:solidFill>
        <a:effectLst/>
      </p:bgPr>
    </p:bg>
    <p:spTree>
      <p:nvGrpSpPr>
        <p:cNvPr id="1" name="Shape 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Google Shape;6;p1"/>
          <p:cNvSpPr txBox="1">
            <a:spLocks noGrp="1"/>
          </p:cNvSpPr>
          <p:nvPr>
            <p:ph type="title"/>
          </p:nvPr>
        </p:nvSpPr>
        <p:spPr>
          <a:xfrm>
            <a:off x="311700" y="445025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2pPr>
            <a:lvl3pPr lvl="2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3pPr>
            <a:lvl4pPr lvl="3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4pPr>
            <a:lvl5pPr lvl="4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5pPr>
            <a:lvl6pPr lvl="5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6pPr>
            <a:lvl7pPr lvl="6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7pPr>
            <a:lvl8pPr lvl="7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8pPr>
            <a:lvl9pPr lvl="8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9pPr>
          </a:lstStyle>
          <a:p>
            <a:endParaRPr/>
          </a:p>
        </p:txBody>
      </p:sp>
      <p:sp>
        <p:nvSpPr>
          <p:cNvPr id="7" name="Google Shape;7;p1"/>
          <p:cNvSpPr txBox="1">
            <a:spLocks noGrp="1"/>
          </p:cNvSpPr>
          <p:nvPr>
            <p:ph type="body" idx="1"/>
          </p:nvPr>
        </p:nvSpPr>
        <p:spPr>
          <a:xfrm>
            <a:off x="311700" y="1152475"/>
            <a:ext cx="8520600" cy="3416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marL="457200" lvl="0" indent="-3429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Muli"/>
              <a:buChar char="●"/>
              <a:defRPr sz="1800"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1pPr>
            <a:lvl2pPr marL="914400" lvl="1" indent="-31750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Muli"/>
              <a:buChar char="○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2pPr>
            <a:lvl3pPr marL="1371600" lvl="2" indent="-31750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Muli"/>
              <a:buChar char="■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3pPr>
            <a:lvl4pPr marL="1828800" lvl="3" indent="-31750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Muli"/>
              <a:buChar char="●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4pPr>
            <a:lvl5pPr marL="2286000" lvl="4" indent="-31750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Muli"/>
              <a:buChar char="○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5pPr>
            <a:lvl6pPr marL="2743200" lvl="5" indent="-31750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Muli"/>
              <a:buChar char="■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6pPr>
            <a:lvl7pPr marL="3200400" lvl="6" indent="-31750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Muli"/>
              <a:buChar char="●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7pPr>
            <a:lvl8pPr marL="3657600" lvl="7" indent="-31750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Muli"/>
              <a:buChar char="○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8pPr>
            <a:lvl9pPr marL="4114800" lvl="8" indent="-317500">
              <a:lnSpc>
                <a:spcPct val="115000"/>
              </a:lnSpc>
              <a:spcBef>
                <a:spcPts val="1600"/>
              </a:spcBef>
              <a:spcAft>
                <a:spcPts val="1600"/>
              </a:spcAft>
              <a:buClr>
                <a:schemeClr val="dk1"/>
              </a:buClr>
              <a:buSzPts val="1400"/>
              <a:buFont typeface="Muli"/>
              <a:buChar char="■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9pPr>
          </a:lstStyle>
          <a:p>
            <a:endParaRPr/>
          </a:p>
        </p:txBody>
      </p:sp>
      <p:pic>
        <p:nvPicPr>
          <p:cNvPr id="5" name="Picture 4" descr="Text&#10;&#10;Description automatically generated">
            <a:extLst>
              <a:ext uri="{FF2B5EF4-FFF2-40B4-BE49-F238E27FC236}">
                <a16:creationId xmlns:a16="http://schemas.microsoft.com/office/drawing/2014/main" id="{03C3F7CB-41D1-B04E-82A7-F6B314BD67B3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104694" y="45796"/>
            <a:ext cx="2971800" cy="571500"/>
          </a:xfrm>
          <a:prstGeom prst="rect">
            <a:avLst/>
          </a:prstGeom>
        </p:spPr>
      </p:pic>
      <p:pic>
        <p:nvPicPr>
          <p:cNvPr id="9" name="Picture 8" descr="Text&#10;&#10;Description automatically generated">
            <a:extLst>
              <a:ext uri="{FF2B5EF4-FFF2-40B4-BE49-F238E27FC236}">
                <a16:creationId xmlns:a16="http://schemas.microsoft.com/office/drawing/2014/main" id="{B74E1B67-5E1A-0144-BD6A-1A86C4D19CC9}"/>
              </a:ext>
            </a:extLst>
          </p:cNvPr>
          <p:cNvPicPr>
            <a:picLocks noChangeAspect="1"/>
          </p:cNvPicPr>
          <p:nvPr userDrawn="1"/>
        </p:nvPicPr>
        <p:blipFill>
          <a:blip r:embed="rId13"/>
          <a:stretch>
            <a:fillRect/>
          </a:stretch>
        </p:blipFill>
        <p:spPr>
          <a:xfrm>
            <a:off x="6400054" y="0"/>
            <a:ext cx="2616200" cy="685800"/>
          </a:xfrm>
          <a:prstGeom prst="rect">
            <a:avLst/>
          </a:prstGeom>
        </p:spPr>
      </p:pic>
    </p:spTree>
  </p:cSld>
  <p:clrMap bg1="lt1" tx1="dk1" bg2="dk2" tx2="lt2" accent1="accent1" accent2="accent2" accent3="accent3" accent4="accent4" accent5="accent5" accent6="accent6" hlink="hlink" folHlink="folHlink"/>
  <p:sldLayoutIdLst>
    <p:sldLayoutId id="2147483648" r:id="rId1"/>
    <p:sldLayoutId id="2147483649" r:id="rId2"/>
    <p:sldLayoutId id="2147483651" r:id="rId3"/>
    <p:sldLayoutId id="2147483668" r:id="rId4"/>
    <p:sldLayoutId id="2147483654" r:id="rId5"/>
    <p:sldLayoutId id="2147483655" r:id="rId6"/>
    <p:sldLayoutId id="2147483657" r:id="rId7"/>
    <p:sldLayoutId id="2147483658" r:id="rId8"/>
    <p:sldLayoutId id="2147483666" r:id="rId9"/>
    <p:sldLayoutId id="2147483667" r:id="rId10"/>
  </p:sldLayoutIdLst>
  <p:hf sldNum="0"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2.jpe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5.jpe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4" Type="http://schemas.openxmlformats.org/officeDocument/2006/relationships/tags" Target="../tags/tag4.xml"/><Relationship Id="rId9" Type="http://schemas.openxmlformats.org/officeDocument/2006/relationships/notesSlide" Target="../notesSlides/notesSlide1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29.png"/><Relationship Id="rId5" Type="http://schemas.openxmlformats.org/officeDocument/2006/relationships/image" Target="../media/image28.png"/><Relationship Id="rId4" Type="http://schemas.openxmlformats.org/officeDocument/2006/relationships/image" Target="../media/image27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33.png"/><Relationship Id="rId5" Type="http://schemas.openxmlformats.org/officeDocument/2006/relationships/image" Target="../media/image32.png"/><Relationship Id="rId4" Type="http://schemas.openxmlformats.org/officeDocument/2006/relationships/image" Target="../media/image31.png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jpe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35.jpe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37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8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39.png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3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3.xml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hyperlink" Target="https://link.springer.com/content/pdf/10.1007/s10846-015-0325-9.pdf" TargetMode="External"/><Relationship Id="rId3" Type="http://schemas.openxmlformats.org/officeDocument/2006/relationships/hyperlink" Target="https://docs.px4.io/master/en/assembly/quick_start_pixhawk4.html" TargetMode="External"/><Relationship Id="rId7" Type="http://schemas.openxmlformats.org/officeDocument/2006/relationships/hyperlink" Target="https://www.youtube.com/watch?v=lVY55hxu3Y8&amp;ab_channel=VolJetAvia" TargetMode="External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3.xml"/><Relationship Id="rId6" Type="http://schemas.openxmlformats.org/officeDocument/2006/relationships/hyperlink" Target="https://www.youtube.com/watch?v=BSv0XuPGUig&amp;t=890s&amp;ab_channel=ECO-LAPStudio" TargetMode="External"/><Relationship Id="rId11" Type="http://schemas.openxmlformats.org/officeDocument/2006/relationships/hyperlink" Target="https://downloads.hindawi.com/journals/jat/2018/7040531.pdf" TargetMode="External"/><Relationship Id="rId5" Type="http://schemas.openxmlformats.org/officeDocument/2006/relationships/hyperlink" Target="https://www.youtube.com/watch?v=23Fj1iaz2pU&amp;t=179s&amp;ab_channel=RamyRC" TargetMode="External"/><Relationship Id="rId10" Type="http://schemas.openxmlformats.org/officeDocument/2006/relationships/hyperlink" Target="https://onlinelibrary.wiley.com/doi/epdf/10.1002/mawe.201500351" TargetMode="External"/><Relationship Id="rId4" Type="http://schemas.openxmlformats.org/officeDocument/2006/relationships/hyperlink" Target="http://airfoiltools.com/airfoil/details?airfoil=clarky-il" TargetMode="External"/><Relationship Id="rId9" Type="http://schemas.openxmlformats.org/officeDocument/2006/relationships/hyperlink" Target="https://ieeexplore.ieee.org/stamp/stamp.jsp?tp=&amp;arnumber=6842289" TargetMode="Externa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11.png"/><Relationship Id="rId4" Type="http://schemas.openxmlformats.org/officeDocument/2006/relationships/image" Target="../media/image10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14.jpeg"/><Relationship Id="rId4" Type="http://schemas.openxmlformats.org/officeDocument/2006/relationships/image" Target="../media/image13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17.jpeg"/><Relationship Id="rId4" Type="http://schemas.openxmlformats.org/officeDocument/2006/relationships/image" Target="../media/image16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20.jpeg"/><Relationship Id="rId4" Type="http://schemas.openxmlformats.org/officeDocument/2006/relationships/image" Target="../media/image19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1E0FB"/>
        </a:solidFill>
        <a:effectLst/>
      </p:bgPr>
    </p:bg>
    <p:spTree>
      <p:nvGrpSpPr>
        <p:cNvPr id="1" name="Shape 11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9" name="Google Shape;119;p24"/>
          <p:cNvSpPr/>
          <p:nvPr/>
        </p:nvSpPr>
        <p:spPr>
          <a:xfrm>
            <a:off x="0" y="635838"/>
            <a:ext cx="6432154" cy="4728080"/>
          </a:xfrm>
          <a:custGeom>
            <a:avLst/>
            <a:gdLst/>
            <a:ahLst/>
            <a:cxnLst/>
            <a:rect l="l" t="t" r="r" b="b"/>
            <a:pathLst>
              <a:path w="189042" h="138959" extrusionOk="0">
                <a:moveTo>
                  <a:pt x="35789" y="0"/>
                </a:moveTo>
                <a:cubicBezTo>
                  <a:pt x="34514" y="0"/>
                  <a:pt x="33226" y="110"/>
                  <a:pt x="31938" y="335"/>
                </a:cubicBezTo>
                <a:cubicBezTo>
                  <a:pt x="22509" y="1976"/>
                  <a:pt x="15166" y="9453"/>
                  <a:pt x="13704" y="18927"/>
                </a:cubicBezTo>
                <a:cubicBezTo>
                  <a:pt x="13615" y="18916"/>
                  <a:pt x="13536" y="18916"/>
                  <a:pt x="13447" y="18916"/>
                </a:cubicBezTo>
                <a:cubicBezTo>
                  <a:pt x="6015" y="18916"/>
                  <a:pt x="0" y="24942"/>
                  <a:pt x="0" y="32363"/>
                </a:cubicBezTo>
                <a:lnTo>
                  <a:pt x="0" y="138958"/>
                </a:lnTo>
                <a:lnTo>
                  <a:pt x="189042" y="138958"/>
                </a:lnTo>
                <a:lnTo>
                  <a:pt x="189042" y="99074"/>
                </a:lnTo>
                <a:cubicBezTo>
                  <a:pt x="189042" y="91642"/>
                  <a:pt x="183027" y="85627"/>
                  <a:pt x="175595" y="85627"/>
                </a:cubicBezTo>
                <a:cubicBezTo>
                  <a:pt x="175438" y="85627"/>
                  <a:pt x="175282" y="85638"/>
                  <a:pt x="175115" y="85638"/>
                </a:cubicBezTo>
                <a:cubicBezTo>
                  <a:pt x="176766" y="78251"/>
                  <a:pt x="174099" y="70562"/>
                  <a:pt x="168229" y="65786"/>
                </a:cubicBezTo>
                <a:cubicBezTo>
                  <a:pt x="167917" y="65529"/>
                  <a:pt x="167604" y="65283"/>
                  <a:pt x="167281" y="65060"/>
                </a:cubicBezTo>
                <a:cubicBezTo>
                  <a:pt x="167136" y="64949"/>
                  <a:pt x="166980" y="64837"/>
                  <a:pt x="166823" y="64737"/>
                </a:cubicBezTo>
                <a:cubicBezTo>
                  <a:pt x="164312" y="63029"/>
                  <a:pt x="161444" y="61924"/>
                  <a:pt x="158431" y="61511"/>
                </a:cubicBezTo>
                <a:cubicBezTo>
                  <a:pt x="158052" y="61456"/>
                  <a:pt x="157661" y="61411"/>
                  <a:pt x="157271" y="61378"/>
                </a:cubicBezTo>
                <a:cubicBezTo>
                  <a:pt x="156735" y="61333"/>
                  <a:pt x="156188" y="61311"/>
                  <a:pt x="155641" y="61311"/>
                </a:cubicBezTo>
                <a:cubicBezTo>
                  <a:pt x="154816" y="61311"/>
                  <a:pt x="154001" y="61355"/>
                  <a:pt x="153198" y="61467"/>
                </a:cubicBezTo>
                <a:cubicBezTo>
                  <a:pt x="153097" y="61467"/>
                  <a:pt x="153008" y="61478"/>
                  <a:pt x="152907" y="61500"/>
                </a:cubicBezTo>
                <a:cubicBezTo>
                  <a:pt x="152494" y="58967"/>
                  <a:pt x="151658" y="56534"/>
                  <a:pt x="150408" y="54302"/>
                </a:cubicBezTo>
                <a:cubicBezTo>
                  <a:pt x="150318" y="54124"/>
                  <a:pt x="150229" y="53956"/>
                  <a:pt x="150129" y="53789"/>
                </a:cubicBezTo>
                <a:cubicBezTo>
                  <a:pt x="150073" y="53689"/>
                  <a:pt x="150017" y="53599"/>
                  <a:pt x="149961" y="53510"/>
                </a:cubicBezTo>
                <a:cubicBezTo>
                  <a:pt x="149861" y="53365"/>
                  <a:pt x="149772" y="53209"/>
                  <a:pt x="149682" y="53075"/>
                </a:cubicBezTo>
                <a:cubicBezTo>
                  <a:pt x="149649" y="53019"/>
                  <a:pt x="149615" y="52974"/>
                  <a:pt x="149582" y="52919"/>
                </a:cubicBezTo>
                <a:cubicBezTo>
                  <a:pt x="148845" y="51780"/>
                  <a:pt x="148008" y="50720"/>
                  <a:pt x="147071" y="49738"/>
                </a:cubicBezTo>
                <a:cubicBezTo>
                  <a:pt x="147049" y="49705"/>
                  <a:pt x="147015" y="49671"/>
                  <a:pt x="146982" y="49638"/>
                </a:cubicBezTo>
                <a:cubicBezTo>
                  <a:pt x="142602" y="45071"/>
                  <a:pt x="136737" y="42763"/>
                  <a:pt x="130859" y="42763"/>
                </a:cubicBezTo>
                <a:cubicBezTo>
                  <a:pt x="125489" y="42763"/>
                  <a:pt x="120108" y="44689"/>
                  <a:pt x="115836" y="48578"/>
                </a:cubicBezTo>
                <a:cubicBezTo>
                  <a:pt x="115110" y="45475"/>
                  <a:pt x="113302" y="42730"/>
                  <a:pt x="110747" y="40844"/>
                </a:cubicBezTo>
                <a:cubicBezTo>
                  <a:pt x="113012" y="30176"/>
                  <a:pt x="108348" y="19239"/>
                  <a:pt x="99096" y="13492"/>
                </a:cubicBezTo>
                <a:cubicBezTo>
                  <a:pt x="94896" y="10878"/>
                  <a:pt x="90156" y="9586"/>
                  <a:pt x="85432" y="9586"/>
                </a:cubicBezTo>
                <a:cubicBezTo>
                  <a:pt x="79751" y="9586"/>
                  <a:pt x="74091" y="11453"/>
                  <a:pt x="69412" y="15133"/>
                </a:cubicBezTo>
                <a:cubicBezTo>
                  <a:pt x="66171" y="12720"/>
                  <a:pt x="62254" y="11440"/>
                  <a:pt x="58265" y="11440"/>
                </a:cubicBezTo>
                <a:cubicBezTo>
                  <a:pt x="57310" y="11440"/>
                  <a:pt x="56351" y="11513"/>
                  <a:pt x="55396" y="11662"/>
                </a:cubicBezTo>
                <a:cubicBezTo>
                  <a:pt x="51444" y="4395"/>
                  <a:pt x="43864" y="0"/>
                  <a:pt x="35789" y="0"/>
                </a:cubicBezTo>
                <a:close/>
              </a:path>
            </a:pathLst>
          </a:custGeom>
          <a:solidFill>
            <a:srgbClr val="F49968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20" name="Google Shape;120;p24"/>
          <p:cNvSpPr/>
          <p:nvPr/>
        </p:nvSpPr>
        <p:spPr>
          <a:xfrm>
            <a:off x="1785650" y="863625"/>
            <a:ext cx="8146992" cy="4279926"/>
          </a:xfrm>
          <a:custGeom>
            <a:avLst/>
            <a:gdLst/>
            <a:ahLst/>
            <a:cxnLst/>
            <a:rect l="l" t="t" r="r" b="b"/>
            <a:pathLst>
              <a:path w="237487" h="124761" extrusionOk="0">
                <a:moveTo>
                  <a:pt x="212801" y="0"/>
                </a:moveTo>
                <a:cubicBezTo>
                  <a:pt x="201689" y="0"/>
                  <a:pt x="191769" y="7504"/>
                  <a:pt x="188920" y="18511"/>
                </a:cubicBezTo>
                <a:cubicBezTo>
                  <a:pt x="188663" y="18489"/>
                  <a:pt x="188407" y="18489"/>
                  <a:pt x="188150" y="18489"/>
                </a:cubicBezTo>
                <a:cubicBezTo>
                  <a:pt x="183463" y="18489"/>
                  <a:pt x="179211" y="21178"/>
                  <a:pt x="177203" y="25407"/>
                </a:cubicBezTo>
                <a:cubicBezTo>
                  <a:pt x="175194" y="29626"/>
                  <a:pt x="175785" y="34636"/>
                  <a:pt x="178743" y="38263"/>
                </a:cubicBezTo>
                <a:cubicBezTo>
                  <a:pt x="176165" y="38297"/>
                  <a:pt x="173609" y="38743"/>
                  <a:pt x="171176" y="39602"/>
                </a:cubicBezTo>
                <a:cubicBezTo>
                  <a:pt x="166242" y="34340"/>
                  <a:pt x="159557" y="31666"/>
                  <a:pt x="152849" y="31666"/>
                </a:cubicBezTo>
                <a:cubicBezTo>
                  <a:pt x="146982" y="31666"/>
                  <a:pt x="141096" y="33712"/>
                  <a:pt x="136348" y="37861"/>
                </a:cubicBezTo>
                <a:cubicBezTo>
                  <a:pt x="133894" y="36745"/>
                  <a:pt x="131310" y="36212"/>
                  <a:pt x="128760" y="36212"/>
                </a:cubicBezTo>
                <a:cubicBezTo>
                  <a:pt x="122542" y="36212"/>
                  <a:pt x="116526" y="39381"/>
                  <a:pt x="113091" y="44992"/>
                </a:cubicBezTo>
                <a:cubicBezTo>
                  <a:pt x="108921" y="39724"/>
                  <a:pt x="102676" y="36864"/>
                  <a:pt x="96283" y="36864"/>
                </a:cubicBezTo>
                <a:cubicBezTo>
                  <a:pt x="93251" y="36864"/>
                  <a:pt x="90185" y="37508"/>
                  <a:pt x="87291" y="38843"/>
                </a:cubicBezTo>
                <a:cubicBezTo>
                  <a:pt x="78307" y="42995"/>
                  <a:pt x="73330" y="52759"/>
                  <a:pt x="75261" y="62468"/>
                </a:cubicBezTo>
                <a:cubicBezTo>
                  <a:pt x="69915" y="62825"/>
                  <a:pt x="64916" y="65202"/>
                  <a:pt x="61289" y="69130"/>
                </a:cubicBezTo>
                <a:cubicBezTo>
                  <a:pt x="60340" y="69610"/>
                  <a:pt x="59425" y="70146"/>
                  <a:pt x="58544" y="70737"/>
                </a:cubicBezTo>
                <a:cubicBezTo>
                  <a:pt x="55743" y="68629"/>
                  <a:pt x="52371" y="67531"/>
                  <a:pt x="48958" y="67531"/>
                </a:cubicBezTo>
                <a:cubicBezTo>
                  <a:pt x="47257" y="67531"/>
                  <a:pt x="45547" y="67804"/>
                  <a:pt x="43891" y="68360"/>
                </a:cubicBezTo>
                <a:cubicBezTo>
                  <a:pt x="38914" y="70045"/>
                  <a:pt x="35086" y="74074"/>
                  <a:pt x="33669" y="79129"/>
                </a:cubicBezTo>
                <a:cubicBezTo>
                  <a:pt x="25355" y="80513"/>
                  <a:pt x="18570" y="86517"/>
                  <a:pt x="16160" y="94585"/>
                </a:cubicBezTo>
                <a:cubicBezTo>
                  <a:pt x="15859" y="94574"/>
                  <a:pt x="15557" y="94563"/>
                  <a:pt x="15256" y="94563"/>
                </a:cubicBezTo>
                <a:cubicBezTo>
                  <a:pt x="15208" y="94562"/>
                  <a:pt x="15160" y="94562"/>
                  <a:pt x="15112" y="94562"/>
                </a:cubicBezTo>
                <a:cubicBezTo>
                  <a:pt x="6775" y="94562"/>
                  <a:pt x="1" y="101306"/>
                  <a:pt x="1" y="109661"/>
                </a:cubicBezTo>
                <a:cubicBezTo>
                  <a:pt x="1" y="118006"/>
                  <a:pt x="6775" y="124761"/>
                  <a:pt x="15112" y="124761"/>
                </a:cubicBezTo>
                <a:cubicBezTo>
                  <a:pt x="15160" y="124761"/>
                  <a:pt x="15208" y="124761"/>
                  <a:pt x="15256" y="124760"/>
                </a:cubicBezTo>
                <a:lnTo>
                  <a:pt x="237486" y="124760"/>
                </a:lnTo>
                <a:lnTo>
                  <a:pt x="237486" y="24671"/>
                </a:lnTo>
                <a:cubicBezTo>
                  <a:pt x="237486" y="12250"/>
                  <a:pt x="228246" y="1760"/>
                  <a:pt x="215926" y="198"/>
                </a:cubicBezTo>
                <a:cubicBezTo>
                  <a:pt x="214877" y="65"/>
                  <a:pt x="213834" y="0"/>
                  <a:pt x="212801" y="0"/>
                </a:cubicBezTo>
                <a:close/>
              </a:path>
            </a:pathLst>
          </a:custGeom>
          <a:solidFill>
            <a:srgbClr val="F5C6AF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21" name="Google Shape;121;p24"/>
          <p:cNvSpPr/>
          <p:nvPr/>
        </p:nvSpPr>
        <p:spPr>
          <a:xfrm>
            <a:off x="-381000" y="3133864"/>
            <a:ext cx="4546557" cy="2390631"/>
          </a:xfrm>
          <a:custGeom>
            <a:avLst/>
            <a:gdLst/>
            <a:ahLst/>
            <a:cxnLst/>
            <a:rect l="l" t="t" r="r" b="b"/>
            <a:pathLst>
              <a:path w="133624" h="70261" extrusionOk="0">
                <a:moveTo>
                  <a:pt x="13892" y="0"/>
                </a:moveTo>
                <a:cubicBezTo>
                  <a:pt x="13630" y="0"/>
                  <a:pt x="13366" y="8"/>
                  <a:pt x="13101" y="22"/>
                </a:cubicBezTo>
                <a:cubicBezTo>
                  <a:pt x="5747" y="447"/>
                  <a:pt x="0" y="6540"/>
                  <a:pt x="0" y="13905"/>
                </a:cubicBezTo>
                <a:lnTo>
                  <a:pt x="0" y="70260"/>
                </a:lnTo>
                <a:lnTo>
                  <a:pt x="125120" y="70260"/>
                </a:lnTo>
                <a:cubicBezTo>
                  <a:pt x="129818" y="70260"/>
                  <a:pt x="133624" y="66455"/>
                  <a:pt x="133624" y="61757"/>
                </a:cubicBezTo>
                <a:cubicBezTo>
                  <a:pt x="133624" y="57059"/>
                  <a:pt x="129818" y="53253"/>
                  <a:pt x="125120" y="53253"/>
                </a:cubicBezTo>
                <a:cubicBezTo>
                  <a:pt x="124953" y="53253"/>
                  <a:pt x="124785" y="53253"/>
                  <a:pt x="124607" y="53276"/>
                </a:cubicBezTo>
                <a:cubicBezTo>
                  <a:pt x="123257" y="48734"/>
                  <a:pt x="119440" y="45352"/>
                  <a:pt x="114764" y="44571"/>
                </a:cubicBezTo>
                <a:cubicBezTo>
                  <a:pt x="113614" y="40487"/>
                  <a:pt x="109939" y="38041"/>
                  <a:pt x="106124" y="38041"/>
                </a:cubicBezTo>
                <a:cubicBezTo>
                  <a:pt x="104279" y="38041"/>
                  <a:pt x="102400" y="38613"/>
                  <a:pt x="100759" y="39851"/>
                </a:cubicBezTo>
                <a:cubicBezTo>
                  <a:pt x="100268" y="39516"/>
                  <a:pt x="99755" y="39215"/>
                  <a:pt x="99219" y="38947"/>
                </a:cubicBezTo>
                <a:cubicBezTo>
                  <a:pt x="97177" y="36737"/>
                  <a:pt x="94365" y="35398"/>
                  <a:pt x="91352" y="35197"/>
                </a:cubicBezTo>
                <a:cubicBezTo>
                  <a:pt x="91452" y="34684"/>
                  <a:pt x="91519" y="34170"/>
                  <a:pt x="91552" y="33646"/>
                </a:cubicBezTo>
                <a:cubicBezTo>
                  <a:pt x="91575" y="33389"/>
                  <a:pt x="91586" y="33121"/>
                  <a:pt x="91586" y="32843"/>
                </a:cubicBezTo>
                <a:cubicBezTo>
                  <a:pt x="91586" y="28022"/>
                  <a:pt x="88707" y="23658"/>
                  <a:pt x="84277" y="21750"/>
                </a:cubicBezTo>
                <a:cubicBezTo>
                  <a:pt x="82740" y="21094"/>
                  <a:pt x="81122" y="20774"/>
                  <a:pt x="79516" y="20774"/>
                </a:cubicBezTo>
                <a:cubicBezTo>
                  <a:pt x="76479" y="20774"/>
                  <a:pt x="73490" y="21918"/>
                  <a:pt x="71198" y="24093"/>
                </a:cubicBezTo>
                <a:cubicBezTo>
                  <a:pt x="70785" y="24484"/>
                  <a:pt x="70405" y="24897"/>
                  <a:pt x="70048" y="25343"/>
                </a:cubicBezTo>
                <a:cubicBezTo>
                  <a:pt x="69870" y="25053"/>
                  <a:pt x="69669" y="24763"/>
                  <a:pt x="69468" y="24495"/>
                </a:cubicBezTo>
                <a:cubicBezTo>
                  <a:pt x="68955" y="23826"/>
                  <a:pt x="68374" y="23223"/>
                  <a:pt x="67727" y="22699"/>
                </a:cubicBezTo>
                <a:cubicBezTo>
                  <a:pt x="66957" y="22074"/>
                  <a:pt x="66098" y="21571"/>
                  <a:pt x="65183" y="21192"/>
                </a:cubicBezTo>
                <a:cubicBezTo>
                  <a:pt x="64346" y="20835"/>
                  <a:pt x="63475" y="20601"/>
                  <a:pt x="62582" y="20489"/>
                </a:cubicBezTo>
                <a:cubicBezTo>
                  <a:pt x="62136" y="20433"/>
                  <a:pt x="61690" y="20400"/>
                  <a:pt x="61243" y="20400"/>
                </a:cubicBezTo>
                <a:cubicBezTo>
                  <a:pt x="59759" y="20400"/>
                  <a:pt x="58297" y="20712"/>
                  <a:pt x="56947" y="21326"/>
                </a:cubicBezTo>
                <a:cubicBezTo>
                  <a:pt x="54305" y="19010"/>
                  <a:pt x="50982" y="17830"/>
                  <a:pt x="47644" y="17830"/>
                </a:cubicBezTo>
                <a:cubicBezTo>
                  <a:pt x="44935" y="17830"/>
                  <a:pt x="42215" y="18608"/>
                  <a:pt x="39839" y="20188"/>
                </a:cubicBezTo>
                <a:cubicBezTo>
                  <a:pt x="39786" y="15231"/>
                  <a:pt x="35701" y="11591"/>
                  <a:pt x="31158" y="11591"/>
                </a:cubicBezTo>
                <a:cubicBezTo>
                  <a:pt x="30015" y="11591"/>
                  <a:pt x="28842" y="11822"/>
                  <a:pt x="27698" y="12320"/>
                </a:cubicBezTo>
                <a:cubicBezTo>
                  <a:pt x="26891" y="5263"/>
                  <a:pt x="20909" y="0"/>
                  <a:pt x="13892" y="0"/>
                </a:cubicBezTo>
                <a:close/>
              </a:path>
            </a:pathLst>
          </a:custGeom>
          <a:solidFill>
            <a:srgbClr val="F5CEB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22" name="Google Shape;122;p24"/>
          <p:cNvSpPr/>
          <p:nvPr/>
        </p:nvSpPr>
        <p:spPr>
          <a:xfrm>
            <a:off x="2291578" y="2673297"/>
            <a:ext cx="6919216" cy="2470234"/>
          </a:xfrm>
          <a:custGeom>
            <a:avLst/>
            <a:gdLst/>
            <a:ahLst/>
            <a:cxnLst/>
            <a:rect l="l" t="t" r="r" b="b"/>
            <a:pathLst>
              <a:path w="201697" h="72008" extrusionOk="0">
                <a:moveTo>
                  <a:pt x="188752" y="1"/>
                </a:moveTo>
                <a:cubicBezTo>
                  <a:pt x="182343" y="1"/>
                  <a:pt x="177002" y="5213"/>
                  <a:pt x="177012" y="11780"/>
                </a:cubicBezTo>
                <a:cubicBezTo>
                  <a:pt x="177012" y="12427"/>
                  <a:pt x="177068" y="13074"/>
                  <a:pt x="177168" y="13721"/>
                </a:cubicBezTo>
                <a:cubicBezTo>
                  <a:pt x="176169" y="13584"/>
                  <a:pt x="175172" y="13517"/>
                  <a:pt x="174184" y="13517"/>
                </a:cubicBezTo>
                <a:cubicBezTo>
                  <a:pt x="165710" y="13517"/>
                  <a:pt x="157882" y="18458"/>
                  <a:pt x="154314" y="26354"/>
                </a:cubicBezTo>
                <a:cubicBezTo>
                  <a:pt x="152909" y="25938"/>
                  <a:pt x="151462" y="25731"/>
                  <a:pt x="150015" y="25731"/>
                </a:cubicBezTo>
                <a:cubicBezTo>
                  <a:pt x="148669" y="25731"/>
                  <a:pt x="147323" y="25910"/>
                  <a:pt x="146011" y="26265"/>
                </a:cubicBezTo>
                <a:lnTo>
                  <a:pt x="146011" y="26231"/>
                </a:lnTo>
                <a:cubicBezTo>
                  <a:pt x="146000" y="18843"/>
                  <a:pt x="140509" y="12605"/>
                  <a:pt x="133178" y="11668"/>
                </a:cubicBezTo>
                <a:cubicBezTo>
                  <a:pt x="132549" y="11588"/>
                  <a:pt x="131924" y="11548"/>
                  <a:pt x="131305" y="11548"/>
                </a:cubicBezTo>
                <a:cubicBezTo>
                  <a:pt x="124702" y="11548"/>
                  <a:pt x="118801" y="16008"/>
                  <a:pt x="117097" y="22548"/>
                </a:cubicBezTo>
                <a:cubicBezTo>
                  <a:pt x="111484" y="23151"/>
                  <a:pt x="107087" y="27648"/>
                  <a:pt x="106629" y="33273"/>
                </a:cubicBezTo>
                <a:cubicBezTo>
                  <a:pt x="102452" y="27926"/>
                  <a:pt x="96085" y="24875"/>
                  <a:pt x="89431" y="24875"/>
                </a:cubicBezTo>
                <a:cubicBezTo>
                  <a:pt x="88335" y="24875"/>
                  <a:pt x="87232" y="24957"/>
                  <a:pt x="86129" y="25126"/>
                </a:cubicBezTo>
                <a:cubicBezTo>
                  <a:pt x="78329" y="26320"/>
                  <a:pt x="71778" y="31632"/>
                  <a:pt x="68999" y="39020"/>
                </a:cubicBezTo>
                <a:cubicBezTo>
                  <a:pt x="66728" y="37730"/>
                  <a:pt x="64209" y="37091"/>
                  <a:pt x="61698" y="37091"/>
                </a:cubicBezTo>
                <a:cubicBezTo>
                  <a:pt x="58670" y="37091"/>
                  <a:pt x="55653" y="38020"/>
                  <a:pt x="53097" y="39857"/>
                </a:cubicBezTo>
                <a:cubicBezTo>
                  <a:pt x="50542" y="33354"/>
                  <a:pt x="44287" y="29226"/>
                  <a:pt x="37504" y="29226"/>
                </a:cubicBezTo>
                <a:cubicBezTo>
                  <a:pt x="36465" y="29226"/>
                  <a:pt x="35413" y="29323"/>
                  <a:pt x="34360" y="29523"/>
                </a:cubicBezTo>
                <a:cubicBezTo>
                  <a:pt x="26448" y="31018"/>
                  <a:pt x="20712" y="37937"/>
                  <a:pt x="20712" y="45994"/>
                </a:cubicBezTo>
                <a:cubicBezTo>
                  <a:pt x="20712" y="47189"/>
                  <a:pt x="20835" y="48371"/>
                  <a:pt x="21081" y="49532"/>
                </a:cubicBezTo>
                <a:cubicBezTo>
                  <a:pt x="20492" y="49439"/>
                  <a:pt x="19902" y="49393"/>
                  <a:pt x="19317" y="49393"/>
                </a:cubicBezTo>
                <a:cubicBezTo>
                  <a:pt x="15765" y="49393"/>
                  <a:pt x="12367" y="51072"/>
                  <a:pt x="10211" y="53985"/>
                </a:cubicBezTo>
                <a:cubicBezTo>
                  <a:pt x="9932" y="53962"/>
                  <a:pt x="9653" y="53940"/>
                  <a:pt x="9363" y="53940"/>
                </a:cubicBezTo>
                <a:cubicBezTo>
                  <a:pt x="4643" y="53940"/>
                  <a:pt x="714" y="57578"/>
                  <a:pt x="357" y="62287"/>
                </a:cubicBezTo>
                <a:cubicBezTo>
                  <a:pt x="0" y="66997"/>
                  <a:pt x="3337" y="71181"/>
                  <a:pt x="8002" y="71896"/>
                </a:cubicBezTo>
                <a:lnTo>
                  <a:pt x="8002" y="72007"/>
                </a:lnTo>
                <a:lnTo>
                  <a:pt x="200525" y="72007"/>
                </a:lnTo>
                <a:lnTo>
                  <a:pt x="200525" y="14145"/>
                </a:lnTo>
                <a:lnTo>
                  <a:pt x="200291" y="14145"/>
                </a:lnTo>
                <a:cubicBezTo>
                  <a:pt x="201697" y="7316"/>
                  <a:pt x="196898" y="765"/>
                  <a:pt x="189957" y="62"/>
                </a:cubicBezTo>
                <a:cubicBezTo>
                  <a:pt x="189552" y="21"/>
                  <a:pt x="189150" y="1"/>
                  <a:pt x="188752" y="1"/>
                </a:cubicBezTo>
                <a:close/>
              </a:path>
            </a:pathLst>
          </a:custGeom>
          <a:solidFill>
            <a:srgbClr val="F49968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lang="en-HK"/>
          </a:p>
        </p:txBody>
      </p:sp>
      <p:grpSp>
        <p:nvGrpSpPr>
          <p:cNvPr id="123" name="Google Shape;123;p24"/>
          <p:cNvGrpSpPr/>
          <p:nvPr/>
        </p:nvGrpSpPr>
        <p:grpSpPr>
          <a:xfrm>
            <a:off x="-713138" y="1192251"/>
            <a:ext cx="9883779" cy="3379583"/>
            <a:chOff x="238125" y="2053400"/>
            <a:chExt cx="6403900" cy="2189700"/>
          </a:xfrm>
        </p:grpSpPr>
        <p:sp>
          <p:nvSpPr>
            <p:cNvPr id="124" name="Google Shape;124;p24"/>
            <p:cNvSpPr/>
            <p:nvPr/>
          </p:nvSpPr>
          <p:spPr>
            <a:xfrm>
              <a:off x="238400" y="2953025"/>
              <a:ext cx="4551700" cy="1221150"/>
            </a:xfrm>
            <a:custGeom>
              <a:avLst/>
              <a:gdLst/>
              <a:ahLst/>
              <a:cxnLst/>
              <a:rect l="l" t="t" r="r" b="b"/>
              <a:pathLst>
                <a:path w="182068" h="48846" extrusionOk="0">
                  <a:moveTo>
                    <a:pt x="179802" y="1"/>
                  </a:moveTo>
                  <a:cubicBezTo>
                    <a:pt x="173910" y="2043"/>
                    <a:pt x="167984" y="4063"/>
                    <a:pt x="162047" y="6038"/>
                  </a:cubicBezTo>
                  <a:cubicBezTo>
                    <a:pt x="160853" y="6428"/>
                    <a:pt x="159659" y="6830"/>
                    <a:pt x="158465" y="7221"/>
                  </a:cubicBezTo>
                  <a:cubicBezTo>
                    <a:pt x="158063" y="7355"/>
                    <a:pt x="157661" y="7489"/>
                    <a:pt x="157249" y="7611"/>
                  </a:cubicBezTo>
                  <a:cubicBezTo>
                    <a:pt x="155854" y="8080"/>
                    <a:pt x="154448" y="8538"/>
                    <a:pt x="153053" y="8995"/>
                  </a:cubicBezTo>
                  <a:cubicBezTo>
                    <a:pt x="144092" y="11919"/>
                    <a:pt x="135119" y="14765"/>
                    <a:pt x="126114" y="17532"/>
                  </a:cubicBezTo>
                  <a:cubicBezTo>
                    <a:pt x="115557" y="20791"/>
                    <a:pt x="104955" y="23927"/>
                    <a:pt x="94309" y="26940"/>
                  </a:cubicBezTo>
                  <a:cubicBezTo>
                    <a:pt x="91408" y="27765"/>
                    <a:pt x="88495" y="28580"/>
                    <a:pt x="85571" y="29372"/>
                  </a:cubicBezTo>
                  <a:cubicBezTo>
                    <a:pt x="80996" y="30633"/>
                    <a:pt x="76398" y="31872"/>
                    <a:pt x="71800" y="33066"/>
                  </a:cubicBezTo>
                  <a:cubicBezTo>
                    <a:pt x="69937" y="33557"/>
                    <a:pt x="68073" y="34037"/>
                    <a:pt x="66198" y="34517"/>
                  </a:cubicBezTo>
                  <a:cubicBezTo>
                    <a:pt x="64993" y="34818"/>
                    <a:pt x="63777" y="35131"/>
                    <a:pt x="62560" y="35432"/>
                  </a:cubicBezTo>
                  <a:cubicBezTo>
                    <a:pt x="56512" y="36950"/>
                    <a:pt x="50452" y="38400"/>
                    <a:pt x="44370" y="39762"/>
                  </a:cubicBezTo>
                  <a:cubicBezTo>
                    <a:pt x="35186" y="41826"/>
                    <a:pt x="25957" y="43712"/>
                    <a:pt x="16672" y="45263"/>
                  </a:cubicBezTo>
                  <a:cubicBezTo>
                    <a:pt x="12030" y="46033"/>
                    <a:pt x="7377" y="46725"/>
                    <a:pt x="2701" y="47283"/>
                  </a:cubicBezTo>
                  <a:cubicBezTo>
                    <a:pt x="1797" y="47384"/>
                    <a:pt x="904" y="47495"/>
                    <a:pt x="0" y="47585"/>
                  </a:cubicBezTo>
                  <a:lnTo>
                    <a:pt x="0" y="48846"/>
                  </a:lnTo>
                  <a:cubicBezTo>
                    <a:pt x="949" y="48768"/>
                    <a:pt x="1897" y="48689"/>
                    <a:pt x="2846" y="48611"/>
                  </a:cubicBezTo>
                  <a:cubicBezTo>
                    <a:pt x="7544" y="48198"/>
                    <a:pt x="12242" y="47663"/>
                    <a:pt x="16929" y="47027"/>
                  </a:cubicBezTo>
                  <a:cubicBezTo>
                    <a:pt x="26303" y="45766"/>
                    <a:pt x="35621" y="44170"/>
                    <a:pt x="44906" y="42384"/>
                  </a:cubicBezTo>
                  <a:cubicBezTo>
                    <a:pt x="51323" y="41146"/>
                    <a:pt x="57728" y="39829"/>
                    <a:pt x="64111" y="38434"/>
                  </a:cubicBezTo>
                  <a:cubicBezTo>
                    <a:pt x="65317" y="38166"/>
                    <a:pt x="66522" y="37909"/>
                    <a:pt x="67727" y="37630"/>
                  </a:cubicBezTo>
                  <a:cubicBezTo>
                    <a:pt x="69368" y="37273"/>
                    <a:pt x="71008" y="36905"/>
                    <a:pt x="72660" y="36526"/>
                  </a:cubicBezTo>
                  <a:cubicBezTo>
                    <a:pt x="91073" y="32330"/>
                    <a:pt x="109386" y="27643"/>
                    <a:pt x="127620" y="22666"/>
                  </a:cubicBezTo>
                  <a:cubicBezTo>
                    <a:pt x="136726" y="20166"/>
                    <a:pt x="145821" y="17599"/>
                    <a:pt x="154894" y="14954"/>
                  </a:cubicBezTo>
                  <a:cubicBezTo>
                    <a:pt x="159023" y="13749"/>
                    <a:pt x="163152" y="12533"/>
                    <a:pt x="167270" y="11294"/>
                  </a:cubicBezTo>
                  <a:cubicBezTo>
                    <a:pt x="167538" y="11216"/>
                    <a:pt x="167805" y="11138"/>
                    <a:pt x="168084" y="11049"/>
                  </a:cubicBezTo>
                  <a:cubicBezTo>
                    <a:pt x="169479" y="10636"/>
                    <a:pt x="170874" y="10223"/>
                    <a:pt x="172269" y="9799"/>
                  </a:cubicBezTo>
                  <a:cubicBezTo>
                    <a:pt x="172303" y="9787"/>
                    <a:pt x="172325" y="9776"/>
                    <a:pt x="172347" y="9765"/>
                  </a:cubicBezTo>
                  <a:cubicBezTo>
                    <a:pt x="173720" y="9352"/>
                    <a:pt x="175081" y="8939"/>
                    <a:pt x="176454" y="8515"/>
                  </a:cubicBezTo>
                  <a:cubicBezTo>
                    <a:pt x="178318" y="7935"/>
                    <a:pt x="180193" y="7355"/>
                    <a:pt x="182067" y="6774"/>
                  </a:cubicBezTo>
                  <a:lnTo>
                    <a:pt x="182034" y="6663"/>
                  </a:lnTo>
                  <a:lnTo>
                    <a:pt x="179802" y="1"/>
                  </a:lnTo>
                  <a:close/>
                </a:path>
              </a:pathLst>
            </a:custGeom>
            <a:solidFill>
              <a:srgbClr val="F2F4F8">
                <a:alpha val="52510"/>
              </a:srgb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25" name="Google Shape;125;p24"/>
            <p:cNvSpPr/>
            <p:nvPr/>
          </p:nvSpPr>
          <p:spPr>
            <a:xfrm>
              <a:off x="238125" y="2949675"/>
              <a:ext cx="4184275" cy="1139700"/>
            </a:xfrm>
            <a:custGeom>
              <a:avLst/>
              <a:gdLst/>
              <a:ahLst/>
              <a:cxnLst/>
              <a:rect l="l" t="t" r="r" b="b"/>
              <a:pathLst>
                <a:path w="167371" h="45588" extrusionOk="0">
                  <a:moveTo>
                    <a:pt x="166243" y="1"/>
                  </a:moveTo>
                  <a:cubicBezTo>
                    <a:pt x="165015" y="414"/>
                    <a:pt x="163788" y="827"/>
                    <a:pt x="162560" y="1228"/>
                  </a:cubicBezTo>
                  <a:cubicBezTo>
                    <a:pt x="161935" y="1440"/>
                    <a:pt x="161310" y="1652"/>
                    <a:pt x="160686" y="1864"/>
                  </a:cubicBezTo>
                  <a:cubicBezTo>
                    <a:pt x="159179" y="2367"/>
                    <a:pt x="157672" y="2869"/>
                    <a:pt x="156155" y="3371"/>
                  </a:cubicBezTo>
                  <a:cubicBezTo>
                    <a:pt x="154827" y="3817"/>
                    <a:pt x="153488" y="4252"/>
                    <a:pt x="152149" y="4688"/>
                  </a:cubicBezTo>
                  <a:cubicBezTo>
                    <a:pt x="140900" y="8381"/>
                    <a:pt x="129618" y="11953"/>
                    <a:pt x="118313" y="15434"/>
                  </a:cubicBezTo>
                  <a:cubicBezTo>
                    <a:pt x="113860" y="16796"/>
                    <a:pt x="109408" y="18146"/>
                    <a:pt x="104944" y="19474"/>
                  </a:cubicBezTo>
                  <a:cubicBezTo>
                    <a:pt x="93316" y="22967"/>
                    <a:pt x="81654" y="26292"/>
                    <a:pt x="69948" y="29462"/>
                  </a:cubicBezTo>
                  <a:cubicBezTo>
                    <a:pt x="64290" y="31002"/>
                    <a:pt x="58610" y="32486"/>
                    <a:pt x="52918" y="33926"/>
                  </a:cubicBezTo>
                  <a:cubicBezTo>
                    <a:pt x="42339" y="36626"/>
                    <a:pt x="31715" y="39126"/>
                    <a:pt x="21013" y="41324"/>
                  </a:cubicBezTo>
                  <a:cubicBezTo>
                    <a:pt x="14039" y="42742"/>
                    <a:pt x="7042" y="44047"/>
                    <a:pt x="0" y="45074"/>
                  </a:cubicBezTo>
                  <a:lnTo>
                    <a:pt x="0" y="45587"/>
                  </a:lnTo>
                  <a:cubicBezTo>
                    <a:pt x="7097" y="44683"/>
                    <a:pt x="14150" y="43500"/>
                    <a:pt x="21181" y="42195"/>
                  </a:cubicBezTo>
                  <a:cubicBezTo>
                    <a:pt x="32508" y="40074"/>
                    <a:pt x="43768" y="37608"/>
                    <a:pt x="54983" y="34963"/>
                  </a:cubicBezTo>
                  <a:cubicBezTo>
                    <a:pt x="59759" y="33825"/>
                    <a:pt x="64513" y="32664"/>
                    <a:pt x="69278" y="31470"/>
                  </a:cubicBezTo>
                  <a:lnTo>
                    <a:pt x="70405" y="31191"/>
                  </a:lnTo>
                  <a:cubicBezTo>
                    <a:pt x="74144" y="30254"/>
                    <a:pt x="77882" y="29294"/>
                    <a:pt x="81621" y="28312"/>
                  </a:cubicBezTo>
                  <a:cubicBezTo>
                    <a:pt x="89477" y="26259"/>
                    <a:pt x="97322" y="24128"/>
                    <a:pt x="105156" y="21940"/>
                  </a:cubicBezTo>
                  <a:cubicBezTo>
                    <a:pt x="109798" y="20646"/>
                    <a:pt x="114441" y="19340"/>
                    <a:pt x="119083" y="18001"/>
                  </a:cubicBezTo>
                  <a:cubicBezTo>
                    <a:pt x="130477" y="14731"/>
                    <a:pt x="141848" y="11339"/>
                    <a:pt x="153198" y="7835"/>
                  </a:cubicBezTo>
                  <a:cubicBezTo>
                    <a:pt x="155195" y="7221"/>
                    <a:pt x="157181" y="6607"/>
                    <a:pt x="159179" y="5971"/>
                  </a:cubicBezTo>
                  <a:cubicBezTo>
                    <a:pt x="159681" y="5826"/>
                    <a:pt x="160195" y="5659"/>
                    <a:pt x="160697" y="5502"/>
                  </a:cubicBezTo>
                  <a:lnTo>
                    <a:pt x="161165" y="5357"/>
                  </a:lnTo>
                  <a:cubicBezTo>
                    <a:pt x="162627" y="4900"/>
                    <a:pt x="164089" y="4431"/>
                    <a:pt x="165540" y="3973"/>
                  </a:cubicBezTo>
                  <a:cubicBezTo>
                    <a:pt x="166154" y="3784"/>
                    <a:pt x="166756" y="3583"/>
                    <a:pt x="167370" y="3393"/>
                  </a:cubicBezTo>
                  <a:lnTo>
                    <a:pt x="167169" y="2791"/>
                  </a:lnTo>
                  <a:lnTo>
                    <a:pt x="167069" y="2478"/>
                  </a:lnTo>
                  <a:lnTo>
                    <a:pt x="166656" y="1251"/>
                  </a:lnTo>
                  <a:lnTo>
                    <a:pt x="166355" y="358"/>
                  </a:lnTo>
                  <a:lnTo>
                    <a:pt x="166243" y="1"/>
                  </a:lnTo>
                  <a:close/>
                </a:path>
              </a:pathLst>
            </a:custGeom>
            <a:solidFill>
              <a:srgbClr val="F2F4F8">
                <a:alpha val="52510"/>
              </a:srgb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26" name="Google Shape;126;p24"/>
            <p:cNvSpPr/>
            <p:nvPr/>
          </p:nvSpPr>
          <p:spPr>
            <a:xfrm>
              <a:off x="238125" y="3145800"/>
              <a:ext cx="4568425" cy="1097300"/>
            </a:xfrm>
            <a:custGeom>
              <a:avLst/>
              <a:gdLst/>
              <a:ahLst/>
              <a:cxnLst/>
              <a:rect l="l" t="t" r="r" b="b"/>
              <a:pathLst>
                <a:path w="182737" h="43892" extrusionOk="0">
                  <a:moveTo>
                    <a:pt x="181632" y="1"/>
                  </a:moveTo>
                  <a:lnTo>
                    <a:pt x="178563" y="1005"/>
                  </a:lnTo>
                  <a:lnTo>
                    <a:pt x="177603" y="1318"/>
                  </a:lnTo>
                  <a:cubicBezTo>
                    <a:pt x="176331" y="1731"/>
                    <a:pt x="175048" y="2143"/>
                    <a:pt x="173776" y="2556"/>
                  </a:cubicBezTo>
                  <a:cubicBezTo>
                    <a:pt x="173664" y="2590"/>
                    <a:pt x="173552" y="2623"/>
                    <a:pt x="173452" y="2657"/>
                  </a:cubicBezTo>
                  <a:lnTo>
                    <a:pt x="173419" y="2657"/>
                  </a:lnTo>
                  <a:cubicBezTo>
                    <a:pt x="172593" y="2925"/>
                    <a:pt x="171767" y="3192"/>
                    <a:pt x="170941" y="3449"/>
                  </a:cubicBezTo>
                  <a:cubicBezTo>
                    <a:pt x="170037" y="3739"/>
                    <a:pt x="169122" y="4029"/>
                    <a:pt x="168218" y="4320"/>
                  </a:cubicBezTo>
                  <a:cubicBezTo>
                    <a:pt x="164045" y="5625"/>
                    <a:pt x="159882" y="6931"/>
                    <a:pt x="155708" y="8214"/>
                  </a:cubicBezTo>
                  <a:cubicBezTo>
                    <a:pt x="147037" y="10870"/>
                    <a:pt x="138333" y="13448"/>
                    <a:pt x="129618" y="15959"/>
                  </a:cubicBezTo>
                  <a:cubicBezTo>
                    <a:pt x="114128" y="20412"/>
                    <a:pt x="98583" y="24641"/>
                    <a:pt x="82937" y="28491"/>
                  </a:cubicBezTo>
                  <a:cubicBezTo>
                    <a:pt x="80962" y="28982"/>
                    <a:pt x="78987" y="29462"/>
                    <a:pt x="77012" y="29942"/>
                  </a:cubicBezTo>
                  <a:cubicBezTo>
                    <a:pt x="75070" y="30410"/>
                    <a:pt x="73128" y="30868"/>
                    <a:pt x="71186" y="31314"/>
                  </a:cubicBezTo>
                  <a:cubicBezTo>
                    <a:pt x="70606" y="31459"/>
                    <a:pt x="70037" y="31593"/>
                    <a:pt x="69457" y="31716"/>
                  </a:cubicBezTo>
                  <a:cubicBezTo>
                    <a:pt x="64982" y="32765"/>
                    <a:pt x="60507" y="33758"/>
                    <a:pt x="56021" y="34718"/>
                  </a:cubicBezTo>
                  <a:cubicBezTo>
                    <a:pt x="54168" y="35120"/>
                    <a:pt x="52305" y="35510"/>
                    <a:pt x="50452" y="35890"/>
                  </a:cubicBezTo>
                  <a:cubicBezTo>
                    <a:pt x="41569" y="37709"/>
                    <a:pt x="32642" y="39360"/>
                    <a:pt x="23669" y="40711"/>
                  </a:cubicBezTo>
                  <a:cubicBezTo>
                    <a:pt x="15824" y="41905"/>
                    <a:pt x="7923" y="42864"/>
                    <a:pt x="0" y="43378"/>
                  </a:cubicBezTo>
                  <a:lnTo>
                    <a:pt x="0" y="43891"/>
                  </a:lnTo>
                  <a:cubicBezTo>
                    <a:pt x="7957" y="43500"/>
                    <a:pt x="15902" y="42664"/>
                    <a:pt x="23803" y="41592"/>
                  </a:cubicBezTo>
                  <a:cubicBezTo>
                    <a:pt x="32809" y="40387"/>
                    <a:pt x="41792" y="38869"/>
                    <a:pt x="50720" y="37195"/>
                  </a:cubicBezTo>
                  <a:cubicBezTo>
                    <a:pt x="51546" y="37039"/>
                    <a:pt x="52383" y="36883"/>
                    <a:pt x="53220" y="36727"/>
                  </a:cubicBezTo>
                  <a:cubicBezTo>
                    <a:pt x="61310" y="35153"/>
                    <a:pt x="69379" y="33479"/>
                    <a:pt x="77425" y="31683"/>
                  </a:cubicBezTo>
                  <a:cubicBezTo>
                    <a:pt x="80214" y="31058"/>
                    <a:pt x="83004" y="30422"/>
                    <a:pt x="85794" y="29774"/>
                  </a:cubicBezTo>
                  <a:cubicBezTo>
                    <a:pt x="100714" y="26304"/>
                    <a:pt x="115557" y="22532"/>
                    <a:pt x="130343" y="18537"/>
                  </a:cubicBezTo>
                  <a:cubicBezTo>
                    <a:pt x="139114" y="16171"/>
                    <a:pt x="147874" y="13727"/>
                    <a:pt x="156601" y="11205"/>
                  </a:cubicBezTo>
                  <a:cubicBezTo>
                    <a:pt x="161389" y="9821"/>
                    <a:pt x="166165" y="8415"/>
                    <a:pt x="170941" y="6987"/>
                  </a:cubicBezTo>
                  <a:cubicBezTo>
                    <a:pt x="173262" y="6284"/>
                    <a:pt x="175572" y="5592"/>
                    <a:pt x="177893" y="4878"/>
                  </a:cubicBezTo>
                  <a:cubicBezTo>
                    <a:pt x="178083" y="4822"/>
                    <a:pt x="178284" y="4766"/>
                    <a:pt x="178485" y="4699"/>
                  </a:cubicBezTo>
                  <a:cubicBezTo>
                    <a:pt x="178708" y="4632"/>
                    <a:pt x="178931" y="4565"/>
                    <a:pt x="179166" y="4487"/>
                  </a:cubicBezTo>
                  <a:cubicBezTo>
                    <a:pt x="179378" y="4420"/>
                    <a:pt x="179601" y="4353"/>
                    <a:pt x="179813" y="4286"/>
                  </a:cubicBezTo>
                  <a:cubicBezTo>
                    <a:pt x="180270" y="4152"/>
                    <a:pt x="180739" y="3996"/>
                    <a:pt x="181208" y="3851"/>
                  </a:cubicBezTo>
                  <a:cubicBezTo>
                    <a:pt x="181375" y="3806"/>
                    <a:pt x="181554" y="3750"/>
                    <a:pt x="181721" y="3695"/>
                  </a:cubicBezTo>
                  <a:cubicBezTo>
                    <a:pt x="182056" y="3594"/>
                    <a:pt x="182402" y="3483"/>
                    <a:pt x="182737" y="3382"/>
                  </a:cubicBezTo>
                  <a:lnTo>
                    <a:pt x="182580" y="2925"/>
                  </a:lnTo>
                  <a:lnTo>
                    <a:pt x="181632" y="1"/>
                  </a:lnTo>
                  <a:close/>
                </a:path>
              </a:pathLst>
            </a:custGeom>
            <a:solidFill>
              <a:srgbClr val="F2F4F8">
                <a:alpha val="52510"/>
              </a:srgb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27" name="Google Shape;127;p24"/>
            <p:cNvSpPr/>
            <p:nvPr/>
          </p:nvSpPr>
          <p:spPr>
            <a:xfrm>
              <a:off x="4658100" y="3159200"/>
              <a:ext cx="207050" cy="155425"/>
            </a:xfrm>
            <a:custGeom>
              <a:avLst/>
              <a:gdLst/>
              <a:ahLst/>
              <a:cxnLst/>
              <a:rect l="l" t="t" r="r" b="b"/>
              <a:pathLst>
                <a:path w="8282" h="6217" extrusionOk="0">
                  <a:moveTo>
                    <a:pt x="1240" y="0"/>
                  </a:moveTo>
                  <a:lnTo>
                    <a:pt x="1" y="213"/>
                  </a:lnTo>
                  <a:cubicBezTo>
                    <a:pt x="548" y="581"/>
                    <a:pt x="7757" y="5625"/>
                    <a:pt x="8281" y="6216"/>
                  </a:cubicBezTo>
                  <a:cubicBezTo>
                    <a:pt x="7835" y="5591"/>
                    <a:pt x="1240" y="0"/>
                    <a:pt x="1240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28" name="Google Shape;128;p24"/>
            <p:cNvSpPr/>
            <p:nvPr/>
          </p:nvSpPr>
          <p:spPr>
            <a:xfrm>
              <a:off x="4524475" y="3164225"/>
              <a:ext cx="341225" cy="162100"/>
            </a:xfrm>
            <a:custGeom>
              <a:avLst/>
              <a:gdLst/>
              <a:ahLst/>
              <a:cxnLst/>
              <a:rect l="l" t="t" r="r" b="b"/>
              <a:pathLst>
                <a:path w="13649" h="6484" extrusionOk="0">
                  <a:moveTo>
                    <a:pt x="5357" y="0"/>
                  </a:moveTo>
                  <a:lnTo>
                    <a:pt x="0" y="927"/>
                  </a:lnTo>
                  <a:cubicBezTo>
                    <a:pt x="0" y="927"/>
                    <a:pt x="190" y="1016"/>
                    <a:pt x="514" y="1183"/>
                  </a:cubicBezTo>
                  <a:lnTo>
                    <a:pt x="1831" y="1831"/>
                  </a:lnTo>
                  <a:cubicBezTo>
                    <a:pt x="1976" y="1909"/>
                    <a:pt x="2121" y="1976"/>
                    <a:pt x="2277" y="2054"/>
                  </a:cubicBezTo>
                  <a:cubicBezTo>
                    <a:pt x="2288" y="2065"/>
                    <a:pt x="2299" y="2065"/>
                    <a:pt x="2299" y="2065"/>
                  </a:cubicBezTo>
                  <a:lnTo>
                    <a:pt x="2433" y="2132"/>
                  </a:lnTo>
                  <a:cubicBezTo>
                    <a:pt x="5614" y="3716"/>
                    <a:pt x="10825" y="6328"/>
                    <a:pt x="10970" y="6439"/>
                  </a:cubicBezTo>
                  <a:cubicBezTo>
                    <a:pt x="11019" y="6470"/>
                    <a:pt x="11168" y="6484"/>
                    <a:pt x="11372" y="6484"/>
                  </a:cubicBezTo>
                  <a:cubicBezTo>
                    <a:pt x="11682" y="6484"/>
                    <a:pt x="12118" y="6453"/>
                    <a:pt x="12521" y="6406"/>
                  </a:cubicBezTo>
                  <a:lnTo>
                    <a:pt x="12544" y="6406"/>
                  </a:lnTo>
                  <a:cubicBezTo>
                    <a:pt x="13091" y="6328"/>
                    <a:pt x="13593" y="6216"/>
                    <a:pt x="13649" y="6093"/>
                  </a:cubicBezTo>
                  <a:cubicBezTo>
                    <a:pt x="13649" y="6082"/>
                    <a:pt x="13649" y="6071"/>
                    <a:pt x="13649" y="6071"/>
                  </a:cubicBezTo>
                  <a:lnTo>
                    <a:pt x="13649" y="6060"/>
                  </a:lnTo>
                  <a:cubicBezTo>
                    <a:pt x="13649" y="6049"/>
                    <a:pt x="13649" y="6049"/>
                    <a:pt x="13649" y="6038"/>
                  </a:cubicBezTo>
                  <a:lnTo>
                    <a:pt x="13626" y="6015"/>
                  </a:lnTo>
                  <a:cubicBezTo>
                    <a:pt x="13437" y="5792"/>
                    <a:pt x="12376" y="4989"/>
                    <a:pt x="11071" y="4040"/>
                  </a:cubicBezTo>
                  <a:cubicBezTo>
                    <a:pt x="10870" y="3906"/>
                    <a:pt x="10680" y="3761"/>
                    <a:pt x="10479" y="3627"/>
                  </a:cubicBezTo>
                  <a:cubicBezTo>
                    <a:pt x="10401" y="3571"/>
                    <a:pt x="10323" y="3516"/>
                    <a:pt x="10256" y="3471"/>
                  </a:cubicBezTo>
                  <a:cubicBezTo>
                    <a:pt x="8102" y="1920"/>
                    <a:pt x="5669" y="212"/>
                    <a:pt x="5357" y="0"/>
                  </a:cubicBezTo>
                  <a:close/>
                </a:path>
              </a:pathLst>
            </a:custGeom>
            <a:solidFill>
              <a:srgbClr val="87B7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29" name="Google Shape;129;p24"/>
            <p:cNvSpPr/>
            <p:nvPr/>
          </p:nvSpPr>
          <p:spPr>
            <a:xfrm>
              <a:off x="4581950" y="3216125"/>
              <a:ext cx="283750" cy="110200"/>
            </a:xfrm>
            <a:custGeom>
              <a:avLst/>
              <a:gdLst/>
              <a:ahLst/>
              <a:cxnLst/>
              <a:rect l="l" t="t" r="r" b="b"/>
              <a:pathLst>
                <a:path w="11350" h="4408" extrusionOk="0">
                  <a:moveTo>
                    <a:pt x="0" y="0"/>
                  </a:moveTo>
                  <a:lnTo>
                    <a:pt x="0" y="0"/>
                  </a:lnTo>
                  <a:cubicBezTo>
                    <a:pt x="3181" y="1585"/>
                    <a:pt x="8515" y="4252"/>
                    <a:pt x="8671" y="4363"/>
                  </a:cubicBezTo>
                  <a:cubicBezTo>
                    <a:pt x="8720" y="4394"/>
                    <a:pt x="8869" y="4408"/>
                    <a:pt x="9073" y="4408"/>
                  </a:cubicBezTo>
                  <a:cubicBezTo>
                    <a:pt x="9383" y="4408"/>
                    <a:pt x="9819" y="4377"/>
                    <a:pt x="10222" y="4330"/>
                  </a:cubicBezTo>
                  <a:lnTo>
                    <a:pt x="10245" y="4330"/>
                  </a:lnTo>
                  <a:cubicBezTo>
                    <a:pt x="10792" y="4252"/>
                    <a:pt x="11294" y="4140"/>
                    <a:pt x="11350" y="4017"/>
                  </a:cubicBezTo>
                  <a:cubicBezTo>
                    <a:pt x="11350" y="4006"/>
                    <a:pt x="11350" y="3995"/>
                    <a:pt x="11350" y="3995"/>
                  </a:cubicBezTo>
                  <a:lnTo>
                    <a:pt x="11350" y="3984"/>
                  </a:lnTo>
                  <a:cubicBezTo>
                    <a:pt x="11350" y="3973"/>
                    <a:pt x="11350" y="3973"/>
                    <a:pt x="11350" y="3962"/>
                  </a:cubicBezTo>
                  <a:lnTo>
                    <a:pt x="11327" y="3939"/>
                  </a:lnTo>
                  <a:cubicBezTo>
                    <a:pt x="11138" y="3716"/>
                    <a:pt x="10077" y="2924"/>
                    <a:pt x="8761" y="1975"/>
                  </a:cubicBezTo>
                  <a:cubicBezTo>
                    <a:pt x="8497" y="2273"/>
                    <a:pt x="8035" y="2394"/>
                    <a:pt x="7457" y="2394"/>
                  </a:cubicBezTo>
                  <a:cubicBezTo>
                    <a:pt x="4997" y="2394"/>
                    <a:pt x="425" y="199"/>
                    <a:pt x="0" y="0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0" name="Google Shape;130;p24"/>
            <p:cNvSpPr/>
            <p:nvPr/>
          </p:nvSpPr>
          <p:spPr>
            <a:xfrm>
              <a:off x="4537025" y="3194075"/>
              <a:ext cx="249175" cy="68450"/>
            </a:xfrm>
            <a:custGeom>
              <a:avLst/>
              <a:gdLst/>
              <a:ahLst/>
              <a:cxnLst/>
              <a:rect l="l" t="t" r="r" b="b"/>
              <a:pathLst>
                <a:path w="9967" h="2738" extrusionOk="0">
                  <a:moveTo>
                    <a:pt x="1" y="0"/>
                  </a:moveTo>
                  <a:lnTo>
                    <a:pt x="1317" y="648"/>
                  </a:lnTo>
                  <a:cubicBezTo>
                    <a:pt x="1697" y="804"/>
                    <a:pt x="2087" y="960"/>
                    <a:pt x="2478" y="1105"/>
                  </a:cubicBezTo>
                  <a:cubicBezTo>
                    <a:pt x="3561" y="1529"/>
                    <a:pt x="4676" y="1898"/>
                    <a:pt x="5804" y="2221"/>
                  </a:cubicBezTo>
                  <a:cubicBezTo>
                    <a:pt x="6373" y="2377"/>
                    <a:pt x="6942" y="2522"/>
                    <a:pt x="7533" y="2623"/>
                  </a:cubicBezTo>
                  <a:cubicBezTo>
                    <a:pt x="7678" y="2645"/>
                    <a:pt x="7823" y="2668"/>
                    <a:pt x="7969" y="2690"/>
                  </a:cubicBezTo>
                  <a:lnTo>
                    <a:pt x="8415" y="2734"/>
                  </a:lnTo>
                  <a:cubicBezTo>
                    <a:pt x="8464" y="2737"/>
                    <a:pt x="8512" y="2738"/>
                    <a:pt x="8561" y="2738"/>
                  </a:cubicBezTo>
                  <a:cubicBezTo>
                    <a:pt x="9046" y="2738"/>
                    <a:pt x="9520" y="2636"/>
                    <a:pt x="9966" y="2433"/>
                  </a:cubicBezTo>
                  <a:cubicBezTo>
                    <a:pt x="9888" y="2377"/>
                    <a:pt x="9821" y="2322"/>
                    <a:pt x="9743" y="2288"/>
                  </a:cubicBezTo>
                  <a:cubicBezTo>
                    <a:pt x="9587" y="2333"/>
                    <a:pt x="9430" y="2377"/>
                    <a:pt x="9274" y="2400"/>
                  </a:cubicBezTo>
                  <a:cubicBezTo>
                    <a:pt x="9091" y="2433"/>
                    <a:pt x="8906" y="2446"/>
                    <a:pt x="8722" y="2446"/>
                  </a:cubicBezTo>
                  <a:cubicBezTo>
                    <a:pt x="8344" y="2446"/>
                    <a:pt x="7964" y="2389"/>
                    <a:pt x="7589" y="2322"/>
                  </a:cubicBezTo>
                  <a:cubicBezTo>
                    <a:pt x="7020" y="2210"/>
                    <a:pt x="6451" y="2065"/>
                    <a:pt x="5893" y="1909"/>
                  </a:cubicBezTo>
                  <a:cubicBezTo>
                    <a:pt x="4777" y="1596"/>
                    <a:pt x="3672" y="1228"/>
                    <a:pt x="2556" y="871"/>
                  </a:cubicBezTo>
                  <a:lnTo>
                    <a:pt x="1" y="0"/>
                  </a:ln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1" name="Google Shape;131;p24"/>
            <p:cNvSpPr/>
            <p:nvPr/>
          </p:nvSpPr>
          <p:spPr>
            <a:xfrm>
              <a:off x="5428675" y="2899475"/>
              <a:ext cx="1200775" cy="584250"/>
            </a:xfrm>
            <a:custGeom>
              <a:avLst/>
              <a:gdLst/>
              <a:ahLst/>
              <a:cxnLst/>
              <a:rect l="l" t="t" r="r" b="b"/>
              <a:pathLst>
                <a:path w="48031" h="23370" extrusionOk="0">
                  <a:moveTo>
                    <a:pt x="15802" y="0"/>
                  </a:moveTo>
                  <a:lnTo>
                    <a:pt x="0" y="6249"/>
                  </a:lnTo>
                  <a:cubicBezTo>
                    <a:pt x="0" y="6249"/>
                    <a:pt x="42953" y="23156"/>
                    <a:pt x="43545" y="23323"/>
                  </a:cubicBezTo>
                  <a:cubicBezTo>
                    <a:pt x="43650" y="23354"/>
                    <a:pt x="43885" y="23369"/>
                    <a:pt x="44196" y="23369"/>
                  </a:cubicBezTo>
                  <a:cubicBezTo>
                    <a:pt x="45475" y="23369"/>
                    <a:pt x="48031" y="23105"/>
                    <a:pt x="48031" y="22531"/>
                  </a:cubicBezTo>
                  <a:cubicBezTo>
                    <a:pt x="46558" y="21437"/>
                    <a:pt x="41982" y="18223"/>
                    <a:pt x="36715" y="14541"/>
                  </a:cubicBezTo>
                  <a:cubicBezTo>
                    <a:pt x="36514" y="14396"/>
                    <a:pt x="36325" y="14262"/>
                    <a:pt x="36124" y="14117"/>
                  </a:cubicBezTo>
                  <a:cubicBezTo>
                    <a:pt x="35967" y="14016"/>
                    <a:pt x="35822" y="13916"/>
                    <a:pt x="35677" y="13804"/>
                  </a:cubicBezTo>
                  <a:cubicBezTo>
                    <a:pt x="28078" y="8504"/>
                    <a:pt x="19373" y="2466"/>
                    <a:pt x="16461" y="446"/>
                  </a:cubicBezTo>
                  <a:lnTo>
                    <a:pt x="16260" y="312"/>
                  </a:lnTo>
                  <a:cubicBezTo>
                    <a:pt x="16081" y="190"/>
                    <a:pt x="15925" y="78"/>
                    <a:pt x="15802" y="0"/>
                  </a:cubicBezTo>
                  <a:close/>
                </a:path>
              </a:pathLst>
            </a:custGeom>
            <a:solidFill>
              <a:srgbClr val="87B7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2" name="Google Shape;132;p24"/>
            <p:cNvSpPr/>
            <p:nvPr/>
          </p:nvSpPr>
          <p:spPr>
            <a:xfrm>
              <a:off x="5823725" y="2879650"/>
              <a:ext cx="805725" cy="583100"/>
            </a:xfrm>
            <a:custGeom>
              <a:avLst/>
              <a:gdLst/>
              <a:ahLst/>
              <a:cxnLst/>
              <a:rect l="l" t="t" r="r" b="b"/>
              <a:pathLst>
                <a:path w="32229" h="23324" extrusionOk="0">
                  <a:moveTo>
                    <a:pt x="1998" y="1"/>
                  </a:moveTo>
                  <a:lnTo>
                    <a:pt x="0" y="793"/>
                  </a:lnTo>
                  <a:cubicBezTo>
                    <a:pt x="3281" y="3070"/>
                    <a:pt x="28379" y="20445"/>
                    <a:pt x="32229" y="23324"/>
                  </a:cubicBezTo>
                  <a:cubicBezTo>
                    <a:pt x="32218" y="23235"/>
                    <a:pt x="32173" y="23168"/>
                    <a:pt x="32106" y="23112"/>
                  </a:cubicBezTo>
                  <a:cubicBezTo>
                    <a:pt x="31225" y="22230"/>
                    <a:pt x="1998" y="1"/>
                    <a:pt x="1998" y="1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3" name="Google Shape;133;p24"/>
            <p:cNvSpPr/>
            <p:nvPr/>
          </p:nvSpPr>
          <p:spPr>
            <a:xfrm>
              <a:off x="5428675" y="2899475"/>
              <a:ext cx="1200775" cy="584250"/>
            </a:xfrm>
            <a:custGeom>
              <a:avLst/>
              <a:gdLst/>
              <a:ahLst/>
              <a:cxnLst/>
              <a:rect l="l" t="t" r="r" b="b"/>
              <a:pathLst>
                <a:path w="48031" h="23370" extrusionOk="0">
                  <a:moveTo>
                    <a:pt x="15802" y="0"/>
                  </a:moveTo>
                  <a:lnTo>
                    <a:pt x="0" y="6249"/>
                  </a:lnTo>
                  <a:cubicBezTo>
                    <a:pt x="0" y="6249"/>
                    <a:pt x="42953" y="23156"/>
                    <a:pt x="43545" y="23323"/>
                  </a:cubicBezTo>
                  <a:cubicBezTo>
                    <a:pt x="43650" y="23354"/>
                    <a:pt x="43885" y="23369"/>
                    <a:pt x="44196" y="23369"/>
                  </a:cubicBezTo>
                  <a:cubicBezTo>
                    <a:pt x="45475" y="23369"/>
                    <a:pt x="48031" y="23105"/>
                    <a:pt x="48031" y="22531"/>
                  </a:cubicBezTo>
                  <a:cubicBezTo>
                    <a:pt x="46558" y="21437"/>
                    <a:pt x="41982" y="18223"/>
                    <a:pt x="36715" y="14541"/>
                  </a:cubicBezTo>
                  <a:cubicBezTo>
                    <a:pt x="35833" y="15408"/>
                    <a:pt x="34423" y="15847"/>
                    <a:pt x="32691" y="15847"/>
                  </a:cubicBezTo>
                  <a:cubicBezTo>
                    <a:pt x="29516" y="15847"/>
                    <a:pt x="25256" y="14370"/>
                    <a:pt x="21170" y="11338"/>
                  </a:cubicBezTo>
                  <a:cubicBezTo>
                    <a:pt x="11897" y="4464"/>
                    <a:pt x="15802" y="0"/>
                    <a:pt x="15802" y="0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4" name="Google Shape;134;p24"/>
            <p:cNvSpPr/>
            <p:nvPr/>
          </p:nvSpPr>
          <p:spPr>
            <a:xfrm>
              <a:off x="5828175" y="2907275"/>
              <a:ext cx="503600" cy="367325"/>
            </a:xfrm>
            <a:custGeom>
              <a:avLst/>
              <a:gdLst/>
              <a:ahLst/>
              <a:cxnLst/>
              <a:rect l="l" t="t" r="r" b="b"/>
              <a:pathLst>
                <a:path w="20144" h="14693" extrusionOk="0">
                  <a:moveTo>
                    <a:pt x="280" y="0"/>
                  </a:moveTo>
                  <a:cubicBezTo>
                    <a:pt x="34" y="949"/>
                    <a:pt x="1" y="1942"/>
                    <a:pt x="179" y="2902"/>
                  </a:cubicBezTo>
                  <a:cubicBezTo>
                    <a:pt x="313" y="3549"/>
                    <a:pt x="514" y="4185"/>
                    <a:pt x="771" y="4799"/>
                  </a:cubicBezTo>
                  <a:cubicBezTo>
                    <a:pt x="1050" y="5402"/>
                    <a:pt x="1373" y="5971"/>
                    <a:pt x="1753" y="6518"/>
                  </a:cubicBezTo>
                  <a:cubicBezTo>
                    <a:pt x="2512" y="7600"/>
                    <a:pt x="3404" y="8571"/>
                    <a:pt x="4420" y="9419"/>
                  </a:cubicBezTo>
                  <a:cubicBezTo>
                    <a:pt x="5413" y="10256"/>
                    <a:pt x="6484" y="11004"/>
                    <a:pt x="7600" y="11673"/>
                  </a:cubicBezTo>
                  <a:cubicBezTo>
                    <a:pt x="9821" y="12979"/>
                    <a:pt x="12209" y="14128"/>
                    <a:pt x="14821" y="14541"/>
                  </a:cubicBezTo>
                  <a:cubicBezTo>
                    <a:pt x="15365" y="14643"/>
                    <a:pt x="15916" y="14693"/>
                    <a:pt x="16465" y="14693"/>
                  </a:cubicBezTo>
                  <a:cubicBezTo>
                    <a:pt x="17243" y="14693"/>
                    <a:pt x="18019" y="14592"/>
                    <a:pt x="18771" y="14396"/>
                  </a:cubicBezTo>
                  <a:cubicBezTo>
                    <a:pt x="19251" y="14251"/>
                    <a:pt x="19708" y="14061"/>
                    <a:pt x="20144" y="13816"/>
                  </a:cubicBezTo>
                  <a:cubicBezTo>
                    <a:pt x="19987" y="13704"/>
                    <a:pt x="19842" y="13604"/>
                    <a:pt x="19708" y="13503"/>
                  </a:cubicBezTo>
                  <a:cubicBezTo>
                    <a:pt x="19363" y="13626"/>
                    <a:pt x="19005" y="13704"/>
                    <a:pt x="18648" y="13760"/>
                  </a:cubicBezTo>
                  <a:cubicBezTo>
                    <a:pt x="18267" y="13817"/>
                    <a:pt x="17881" y="13846"/>
                    <a:pt x="17496" y="13846"/>
                  </a:cubicBezTo>
                  <a:cubicBezTo>
                    <a:pt x="17273" y="13846"/>
                    <a:pt x="17050" y="13836"/>
                    <a:pt x="16829" y="13816"/>
                  </a:cubicBezTo>
                  <a:cubicBezTo>
                    <a:pt x="16227" y="13771"/>
                    <a:pt x="15624" y="13671"/>
                    <a:pt x="15033" y="13526"/>
                  </a:cubicBezTo>
                  <a:cubicBezTo>
                    <a:pt x="13839" y="13224"/>
                    <a:pt x="12689" y="12812"/>
                    <a:pt x="11573" y="12287"/>
                  </a:cubicBezTo>
                  <a:cubicBezTo>
                    <a:pt x="10446" y="11763"/>
                    <a:pt x="9352" y="11182"/>
                    <a:pt x="8292" y="10535"/>
                  </a:cubicBezTo>
                  <a:cubicBezTo>
                    <a:pt x="7221" y="9899"/>
                    <a:pt x="6205" y="9207"/>
                    <a:pt x="5235" y="8437"/>
                  </a:cubicBezTo>
                  <a:cubicBezTo>
                    <a:pt x="4744" y="8058"/>
                    <a:pt x="4286" y="7656"/>
                    <a:pt x="3840" y="7232"/>
                  </a:cubicBezTo>
                  <a:cubicBezTo>
                    <a:pt x="3628" y="7020"/>
                    <a:pt x="3416" y="6797"/>
                    <a:pt x="3204" y="6585"/>
                  </a:cubicBezTo>
                  <a:cubicBezTo>
                    <a:pt x="2992" y="6361"/>
                    <a:pt x="2791" y="6127"/>
                    <a:pt x="2601" y="5893"/>
                  </a:cubicBezTo>
                  <a:cubicBezTo>
                    <a:pt x="1820" y="4955"/>
                    <a:pt x="1217" y="3895"/>
                    <a:pt x="827" y="2735"/>
                  </a:cubicBezTo>
                  <a:cubicBezTo>
                    <a:pt x="548" y="1898"/>
                    <a:pt x="436" y="1016"/>
                    <a:pt x="481" y="146"/>
                  </a:cubicBezTo>
                  <a:lnTo>
                    <a:pt x="280" y="0"/>
                  </a:ln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5" name="Google Shape;135;p24"/>
            <p:cNvSpPr/>
            <p:nvPr/>
          </p:nvSpPr>
          <p:spPr>
            <a:xfrm>
              <a:off x="5666650" y="3132725"/>
              <a:ext cx="114675" cy="76825"/>
            </a:xfrm>
            <a:custGeom>
              <a:avLst/>
              <a:gdLst/>
              <a:ahLst/>
              <a:cxnLst/>
              <a:rect l="l" t="t" r="r" b="b"/>
              <a:pathLst>
                <a:path w="4587" h="3073" extrusionOk="0">
                  <a:moveTo>
                    <a:pt x="3442" y="1"/>
                  </a:moveTo>
                  <a:cubicBezTo>
                    <a:pt x="3039" y="1"/>
                    <a:pt x="2600" y="198"/>
                    <a:pt x="2355" y="312"/>
                  </a:cubicBezTo>
                  <a:cubicBezTo>
                    <a:pt x="391" y="1260"/>
                    <a:pt x="0" y="1796"/>
                    <a:pt x="34" y="2298"/>
                  </a:cubicBezTo>
                  <a:cubicBezTo>
                    <a:pt x="80" y="2865"/>
                    <a:pt x="388" y="3072"/>
                    <a:pt x="827" y="3072"/>
                  </a:cubicBezTo>
                  <a:cubicBezTo>
                    <a:pt x="1339" y="3072"/>
                    <a:pt x="2029" y="2790"/>
                    <a:pt x="2690" y="2466"/>
                  </a:cubicBezTo>
                  <a:cubicBezTo>
                    <a:pt x="3147" y="2242"/>
                    <a:pt x="4587" y="1606"/>
                    <a:pt x="4263" y="624"/>
                  </a:cubicBezTo>
                  <a:cubicBezTo>
                    <a:pt x="4113" y="148"/>
                    <a:pt x="3791" y="1"/>
                    <a:pt x="3442" y="1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6" name="Google Shape;136;p24"/>
            <p:cNvSpPr/>
            <p:nvPr/>
          </p:nvSpPr>
          <p:spPr>
            <a:xfrm>
              <a:off x="5915775" y="3234700"/>
              <a:ext cx="114975" cy="76850"/>
            </a:xfrm>
            <a:custGeom>
              <a:avLst/>
              <a:gdLst/>
              <a:ahLst/>
              <a:cxnLst/>
              <a:rect l="l" t="t" r="r" b="b"/>
              <a:pathLst>
                <a:path w="4599" h="3074" extrusionOk="0">
                  <a:moveTo>
                    <a:pt x="3442" y="1"/>
                  </a:moveTo>
                  <a:cubicBezTo>
                    <a:pt x="3039" y="1"/>
                    <a:pt x="2601" y="197"/>
                    <a:pt x="2356" y="317"/>
                  </a:cubicBezTo>
                  <a:cubicBezTo>
                    <a:pt x="391" y="1266"/>
                    <a:pt x="1" y="1801"/>
                    <a:pt x="34" y="2304"/>
                  </a:cubicBezTo>
                  <a:cubicBezTo>
                    <a:pt x="81" y="2868"/>
                    <a:pt x="386" y="3074"/>
                    <a:pt x="823" y="3074"/>
                  </a:cubicBezTo>
                  <a:cubicBezTo>
                    <a:pt x="1335" y="3074"/>
                    <a:pt x="2027" y="2790"/>
                    <a:pt x="2690" y="2471"/>
                  </a:cubicBezTo>
                  <a:cubicBezTo>
                    <a:pt x="3148" y="2248"/>
                    <a:pt x="4599" y="1600"/>
                    <a:pt x="4264" y="618"/>
                  </a:cubicBezTo>
                  <a:cubicBezTo>
                    <a:pt x="4114" y="148"/>
                    <a:pt x="3791" y="1"/>
                    <a:pt x="3442" y="1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7" name="Google Shape;137;p24"/>
            <p:cNvSpPr/>
            <p:nvPr/>
          </p:nvSpPr>
          <p:spPr>
            <a:xfrm>
              <a:off x="6164925" y="3336675"/>
              <a:ext cx="114950" cy="76800"/>
            </a:xfrm>
            <a:custGeom>
              <a:avLst/>
              <a:gdLst/>
              <a:ahLst/>
              <a:cxnLst/>
              <a:rect l="l" t="t" r="r" b="b"/>
              <a:pathLst>
                <a:path w="4598" h="3072" extrusionOk="0">
                  <a:moveTo>
                    <a:pt x="3442" y="0"/>
                  </a:moveTo>
                  <a:cubicBezTo>
                    <a:pt x="3038" y="0"/>
                    <a:pt x="2600" y="198"/>
                    <a:pt x="2355" y="311"/>
                  </a:cubicBezTo>
                  <a:cubicBezTo>
                    <a:pt x="391" y="1260"/>
                    <a:pt x="0" y="1796"/>
                    <a:pt x="34" y="2298"/>
                  </a:cubicBezTo>
                  <a:cubicBezTo>
                    <a:pt x="80" y="2864"/>
                    <a:pt x="388" y="3072"/>
                    <a:pt x="827" y="3072"/>
                  </a:cubicBezTo>
                  <a:cubicBezTo>
                    <a:pt x="1339" y="3072"/>
                    <a:pt x="2029" y="2790"/>
                    <a:pt x="2690" y="2465"/>
                  </a:cubicBezTo>
                  <a:cubicBezTo>
                    <a:pt x="3147" y="2242"/>
                    <a:pt x="4598" y="1606"/>
                    <a:pt x="4263" y="624"/>
                  </a:cubicBezTo>
                  <a:cubicBezTo>
                    <a:pt x="4113" y="148"/>
                    <a:pt x="3790" y="0"/>
                    <a:pt x="3442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8" name="Google Shape;138;p24"/>
            <p:cNvSpPr/>
            <p:nvPr/>
          </p:nvSpPr>
          <p:spPr>
            <a:xfrm>
              <a:off x="5754800" y="2935425"/>
              <a:ext cx="415450" cy="324925"/>
            </a:xfrm>
            <a:custGeom>
              <a:avLst/>
              <a:gdLst/>
              <a:ahLst/>
              <a:cxnLst/>
              <a:rect l="l" t="t" r="r" b="b"/>
              <a:pathLst>
                <a:path w="16618" h="12997" extrusionOk="0">
                  <a:moveTo>
                    <a:pt x="12728" y="0"/>
                  </a:moveTo>
                  <a:cubicBezTo>
                    <a:pt x="12691" y="0"/>
                    <a:pt x="12656" y="1"/>
                    <a:pt x="12622" y="2"/>
                  </a:cubicBezTo>
                  <a:cubicBezTo>
                    <a:pt x="11830" y="24"/>
                    <a:pt x="11071" y="113"/>
                    <a:pt x="9352" y="839"/>
                  </a:cubicBezTo>
                  <a:cubicBezTo>
                    <a:pt x="8304" y="1285"/>
                    <a:pt x="6897" y="1966"/>
                    <a:pt x="4900" y="3015"/>
                  </a:cubicBezTo>
                  <a:cubicBezTo>
                    <a:pt x="3248" y="3885"/>
                    <a:pt x="1" y="5447"/>
                    <a:pt x="269" y="8594"/>
                  </a:cubicBezTo>
                  <a:cubicBezTo>
                    <a:pt x="324" y="9108"/>
                    <a:pt x="447" y="9621"/>
                    <a:pt x="637" y="10101"/>
                  </a:cubicBezTo>
                  <a:cubicBezTo>
                    <a:pt x="1475" y="12227"/>
                    <a:pt x="2752" y="12996"/>
                    <a:pt x="4412" y="12996"/>
                  </a:cubicBezTo>
                  <a:cubicBezTo>
                    <a:pt x="6001" y="12996"/>
                    <a:pt x="7940" y="12291"/>
                    <a:pt x="10178" y="11395"/>
                  </a:cubicBezTo>
                  <a:cubicBezTo>
                    <a:pt x="11908" y="10715"/>
                    <a:pt x="14631" y="9945"/>
                    <a:pt x="15836" y="7802"/>
                  </a:cubicBezTo>
                  <a:cubicBezTo>
                    <a:pt x="16372" y="6853"/>
                    <a:pt x="16617" y="5637"/>
                    <a:pt x="16327" y="4052"/>
                  </a:cubicBezTo>
                  <a:cubicBezTo>
                    <a:pt x="15660" y="342"/>
                    <a:pt x="13698" y="0"/>
                    <a:pt x="12728" y="0"/>
                  </a:cubicBezTo>
                  <a:close/>
                </a:path>
              </a:pathLst>
            </a:custGeom>
            <a:solidFill>
              <a:srgbClr val="FFB28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9" name="Google Shape;139;p24"/>
            <p:cNvSpPr/>
            <p:nvPr/>
          </p:nvSpPr>
          <p:spPr>
            <a:xfrm>
              <a:off x="5761500" y="2935425"/>
              <a:ext cx="408750" cy="324925"/>
            </a:xfrm>
            <a:custGeom>
              <a:avLst/>
              <a:gdLst/>
              <a:ahLst/>
              <a:cxnLst/>
              <a:rect l="l" t="t" r="r" b="b"/>
              <a:pathLst>
                <a:path w="16350" h="12997" extrusionOk="0">
                  <a:moveTo>
                    <a:pt x="12457" y="0"/>
                  </a:moveTo>
                  <a:cubicBezTo>
                    <a:pt x="12421" y="0"/>
                    <a:pt x="12387" y="1"/>
                    <a:pt x="12354" y="2"/>
                  </a:cubicBezTo>
                  <a:cubicBezTo>
                    <a:pt x="11562" y="24"/>
                    <a:pt x="10803" y="124"/>
                    <a:pt x="9084" y="839"/>
                  </a:cubicBezTo>
                  <a:cubicBezTo>
                    <a:pt x="15423" y="4186"/>
                    <a:pt x="10212" y="9889"/>
                    <a:pt x="5837" y="10570"/>
                  </a:cubicBezTo>
                  <a:cubicBezTo>
                    <a:pt x="5353" y="10643"/>
                    <a:pt x="4905" y="10676"/>
                    <a:pt x="4490" y="10676"/>
                  </a:cubicBezTo>
                  <a:cubicBezTo>
                    <a:pt x="1384" y="10676"/>
                    <a:pt x="158" y="8840"/>
                    <a:pt x="1" y="8594"/>
                  </a:cubicBezTo>
                  <a:lnTo>
                    <a:pt x="1" y="8594"/>
                  </a:lnTo>
                  <a:cubicBezTo>
                    <a:pt x="56" y="9108"/>
                    <a:pt x="179" y="9621"/>
                    <a:pt x="369" y="10101"/>
                  </a:cubicBezTo>
                  <a:cubicBezTo>
                    <a:pt x="1207" y="12227"/>
                    <a:pt x="2484" y="12996"/>
                    <a:pt x="4144" y="12996"/>
                  </a:cubicBezTo>
                  <a:cubicBezTo>
                    <a:pt x="5733" y="12996"/>
                    <a:pt x="7672" y="12291"/>
                    <a:pt x="9910" y="11395"/>
                  </a:cubicBezTo>
                  <a:cubicBezTo>
                    <a:pt x="11640" y="10715"/>
                    <a:pt x="14363" y="9945"/>
                    <a:pt x="15568" y="7802"/>
                  </a:cubicBezTo>
                  <a:cubicBezTo>
                    <a:pt x="16104" y="6853"/>
                    <a:pt x="16349" y="5637"/>
                    <a:pt x="16059" y="4052"/>
                  </a:cubicBezTo>
                  <a:cubicBezTo>
                    <a:pt x="15392" y="349"/>
                    <a:pt x="13426" y="0"/>
                    <a:pt x="12457" y="0"/>
                  </a:cubicBezTo>
                  <a:close/>
                </a:path>
              </a:pathLst>
            </a:custGeom>
            <a:solidFill>
              <a:srgbClr val="F5A276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0" name="Google Shape;140;p24"/>
            <p:cNvSpPr/>
            <p:nvPr/>
          </p:nvSpPr>
          <p:spPr>
            <a:xfrm>
              <a:off x="5988875" y="2949950"/>
              <a:ext cx="163225" cy="211775"/>
            </a:xfrm>
            <a:custGeom>
              <a:avLst/>
              <a:gdLst/>
              <a:ahLst/>
              <a:cxnLst/>
              <a:rect l="l" t="t" r="r" b="b"/>
              <a:pathLst>
                <a:path w="6529" h="8471" extrusionOk="0">
                  <a:moveTo>
                    <a:pt x="3259" y="1"/>
                  </a:moveTo>
                  <a:cubicBezTo>
                    <a:pt x="1463" y="1"/>
                    <a:pt x="1" y="1898"/>
                    <a:pt x="1" y="4241"/>
                  </a:cubicBezTo>
                  <a:cubicBezTo>
                    <a:pt x="1" y="6574"/>
                    <a:pt x="1463" y="8471"/>
                    <a:pt x="3259" y="8471"/>
                  </a:cubicBezTo>
                  <a:cubicBezTo>
                    <a:pt x="5067" y="8471"/>
                    <a:pt x="6529" y="6574"/>
                    <a:pt x="6529" y="4241"/>
                  </a:cubicBezTo>
                  <a:cubicBezTo>
                    <a:pt x="6529" y="1898"/>
                    <a:pt x="5067" y="1"/>
                    <a:pt x="3259" y="1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1" name="Google Shape;141;p24"/>
            <p:cNvSpPr/>
            <p:nvPr/>
          </p:nvSpPr>
          <p:spPr>
            <a:xfrm>
              <a:off x="5998375" y="2962525"/>
              <a:ext cx="144250" cy="186925"/>
            </a:xfrm>
            <a:custGeom>
              <a:avLst/>
              <a:gdLst/>
              <a:ahLst/>
              <a:cxnLst/>
              <a:rect l="l" t="t" r="r" b="b"/>
              <a:pathLst>
                <a:path w="5770" h="7477" extrusionOk="0">
                  <a:moveTo>
                    <a:pt x="2879" y="0"/>
                  </a:moveTo>
                  <a:cubicBezTo>
                    <a:pt x="1283" y="0"/>
                    <a:pt x="0" y="1674"/>
                    <a:pt x="0" y="3738"/>
                  </a:cubicBezTo>
                  <a:cubicBezTo>
                    <a:pt x="0" y="5803"/>
                    <a:pt x="1283" y="7477"/>
                    <a:pt x="2879" y="7477"/>
                  </a:cubicBezTo>
                  <a:cubicBezTo>
                    <a:pt x="4475" y="7477"/>
                    <a:pt x="5770" y="5803"/>
                    <a:pt x="5770" y="3738"/>
                  </a:cubicBezTo>
                  <a:cubicBezTo>
                    <a:pt x="5770" y="1674"/>
                    <a:pt x="4475" y="0"/>
                    <a:pt x="2879" y="0"/>
                  </a:cubicBezTo>
                  <a:close/>
                </a:path>
              </a:pathLst>
            </a:custGeom>
            <a:solidFill>
              <a:srgbClr val="1C4587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2" name="Google Shape;142;p24"/>
            <p:cNvSpPr/>
            <p:nvPr/>
          </p:nvSpPr>
          <p:spPr>
            <a:xfrm>
              <a:off x="3888100" y="2842550"/>
              <a:ext cx="553250" cy="207875"/>
            </a:xfrm>
            <a:custGeom>
              <a:avLst/>
              <a:gdLst/>
              <a:ahLst/>
              <a:cxnLst/>
              <a:rect l="l" t="t" r="r" b="b"/>
              <a:pathLst>
                <a:path w="22130" h="8315" extrusionOk="0">
                  <a:moveTo>
                    <a:pt x="1" y="0"/>
                  </a:moveTo>
                  <a:lnTo>
                    <a:pt x="1" y="0"/>
                  </a:lnTo>
                  <a:cubicBezTo>
                    <a:pt x="1306" y="436"/>
                    <a:pt x="8058" y="3315"/>
                    <a:pt x="13771" y="5770"/>
                  </a:cubicBezTo>
                  <a:cubicBezTo>
                    <a:pt x="16037" y="6741"/>
                    <a:pt x="18135" y="7645"/>
                    <a:pt x="19664" y="8314"/>
                  </a:cubicBezTo>
                  <a:lnTo>
                    <a:pt x="21371" y="7689"/>
                  </a:lnTo>
                  <a:lnTo>
                    <a:pt x="22130" y="7410"/>
                  </a:lnTo>
                  <a:cubicBezTo>
                    <a:pt x="22130" y="7410"/>
                    <a:pt x="21661" y="7265"/>
                    <a:pt x="20869" y="6986"/>
                  </a:cubicBezTo>
                  <a:cubicBezTo>
                    <a:pt x="20835" y="6975"/>
                    <a:pt x="20802" y="6964"/>
                    <a:pt x="20768" y="6953"/>
                  </a:cubicBezTo>
                  <a:cubicBezTo>
                    <a:pt x="20702" y="6931"/>
                    <a:pt x="20635" y="6908"/>
                    <a:pt x="20568" y="6886"/>
                  </a:cubicBezTo>
                  <a:cubicBezTo>
                    <a:pt x="20423" y="6841"/>
                    <a:pt x="20277" y="6785"/>
                    <a:pt x="20132" y="6741"/>
                  </a:cubicBezTo>
                  <a:lnTo>
                    <a:pt x="18436" y="6161"/>
                  </a:lnTo>
                  <a:lnTo>
                    <a:pt x="17889" y="5982"/>
                  </a:lnTo>
                  <a:cubicBezTo>
                    <a:pt x="16718" y="5580"/>
                    <a:pt x="15378" y="5134"/>
                    <a:pt x="13984" y="4665"/>
                  </a:cubicBezTo>
                  <a:cubicBezTo>
                    <a:pt x="13247" y="4408"/>
                    <a:pt x="12488" y="4163"/>
                    <a:pt x="11729" y="3895"/>
                  </a:cubicBezTo>
                  <a:lnTo>
                    <a:pt x="11160" y="3705"/>
                  </a:lnTo>
                  <a:cubicBezTo>
                    <a:pt x="9040" y="2991"/>
                    <a:pt x="6920" y="2277"/>
                    <a:pt x="5089" y="1663"/>
                  </a:cubicBezTo>
                  <a:lnTo>
                    <a:pt x="4632" y="1507"/>
                  </a:lnTo>
                  <a:lnTo>
                    <a:pt x="3929" y="1273"/>
                  </a:lnTo>
                  <a:cubicBezTo>
                    <a:pt x="3851" y="1250"/>
                    <a:pt x="3773" y="1228"/>
                    <a:pt x="3706" y="1206"/>
                  </a:cubicBezTo>
                  <a:cubicBezTo>
                    <a:pt x="3561" y="1150"/>
                    <a:pt x="3438" y="1116"/>
                    <a:pt x="3282" y="1061"/>
                  </a:cubicBezTo>
                  <a:cubicBezTo>
                    <a:pt x="3136" y="1016"/>
                    <a:pt x="2980" y="960"/>
                    <a:pt x="2835" y="916"/>
                  </a:cubicBezTo>
                  <a:lnTo>
                    <a:pt x="1541" y="480"/>
                  </a:lnTo>
                  <a:lnTo>
                    <a:pt x="1083" y="335"/>
                  </a:lnTo>
                  <a:cubicBezTo>
                    <a:pt x="916" y="291"/>
                    <a:pt x="771" y="235"/>
                    <a:pt x="637" y="190"/>
                  </a:cubicBezTo>
                  <a:lnTo>
                    <a:pt x="514" y="157"/>
                  </a:lnTo>
                  <a:lnTo>
                    <a:pt x="324" y="90"/>
                  </a:lnTo>
                  <a:lnTo>
                    <a:pt x="168" y="45"/>
                  </a:lnTo>
                  <a:lnTo>
                    <a:pt x="1" y="0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3" name="Google Shape;143;p24"/>
            <p:cNvSpPr/>
            <p:nvPr/>
          </p:nvSpPr>
          <p:spPr>
            <a:xfrm>
              <a:off x="3747225" y="2834300"/>
              <a:ext cx="632475" cy="257700"/>
            </a:xfrm>
            <a:custGeom>
              <a:avLst/>
              <a:gdLst/>
              <a:ahLst/>
              <a:cxnLst/>
              <a:rect l="l" t="t" r="r" b="b"/>
              <a:pathLst>
                <a:path w="25299" h="10308" extrusionOk="0">
                  <a:moveTo>
                    <a:pt x="2465" y="0"/>
                  </a:moveTo>
                  <a:cubicBezTo>
                    <a:pt x="1223" y="0"/>
                    <a:pt x="122" y="109"/>
                    <a:pt x="34" y="286"/>
                  </a:cubicBezTo>
                  <a:cubicBezTo>
                    <a:pt x="0" y="353"/>
                    <a:pt x="993" y="888"/>
                    <a:pt x="2567" y="1681"/>
                  </a:cubicBezTo>
                  <a:cubicBezTo>
                    <a:pt x="3091" y="1937"/>
                    <a:pt x="3683" y="2228"/>
                    <a:pt x="4319" y="2540"/>
                  </a:cubicBezTo>
                  <a:lnTo>
                    <a:pt x="4397" y="2574"/>
                  </a:lnTo>
                  <a:lnTo>
                    <a:pt x="4464" y="2607"/>
                  </a:lnTo>
                  <a:cubicBezTo>
                    <a:pt x="10546" y="5575"/>
                    <a:pt x="20734" y="10307"/>
                    <a:pt x="20734" y="10307"/>
                  </a:cubicBezTo>
                  <a:lnTo>
                    <a:pt x="25299" y="8644"/>
                  </a:lnTo>
                  <a:cubicBezTo>
                    <a:pt x="23770" y="7975"/>
                    <a:pt x="21672" y="7071"/>
                    <a:pt x="19406" y="6100"/>
                  </a:cubicBezTo>
                  <a:cubicBezTo>
                    <a:pt x="19261" y="6033"/>
                    <a:pt x="19105" y="5966"/>
                    <a:pt x="18960" y="5899"/>
                  </a:cubicBezTo>
                  <a:cubicBezTo>
                    <a:pt x="18915" y="5888"/>
                    <a:pt x="18871" y="5866"/>
                    <a:pt x="18826" y="5854"/>
                  </a:cubicBezTo>
                  <a:cubicBezTo>
                    <a:pt x="13246" y="3455"/>
                    <a:pt x="6897" y="755"/>
                    <a:pt x="5636" y="330"/>
                  </a:cubicBezTo>
                  <a:cubicBezTo>
                    <a:pt x="5613" y="308"/>
                    <a:pt x="5580" y="297"/>
                    <a:pt x="5546" y="297"/>
                  </a:cubicBezTo>
                  <a:lnTo>
                    <a:pt x="5502" y="286"/>
                  </a:lnTo>
                  <a:cubicBezTo>
                    <a:pt x="4787" y="86"/>
                    <a:pt x="3570" y="0"/>
                    <a:pt x="2465" y="0"/>
                  </a:cubicBezTo>
                  <a:close/>
                </a:path>
              </a:pathLst>
            </a:custGeom>
            <a:solidFill>
              <a:srgbClr val="87B7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4" name="Google Shape;144;p24"/>
            <p:cNvSpPr/>
            <p:nvPr/>
          </p:nvSpPr>
          <p:spPr>
            <a:xfrm>
              <a:off x="3858800" y="2899475"/>
              <a:ext cx="520900" cy="192525"/>
            </a:xfrm>
            <a:custGeom>
              <a:avLst/>
              <a:gdLst/>
              <a:ahLst/>
              <a:cxnLst/>
              <a:rect l="l" t="t" r="r" b="b"/>
              <a:pathLst>
                <a:path w="20836" h="7701" extrusionOk="0">
                  <a:moveTo>
                    <a:pt x="1" y="0"/>
                  </a:moveTo>
                  <a:cubicBezTo>
                    <a:pt x="6083" y="2968"/>
                    <a:pt x="16271" y="7700"/>
                    <a:pt x="16271" y="7700"/>
                  </a:cubicBezTo>
                  <a:lnTo>
                    <a:pt x="20836" y="6037"/>
                  </a:lnTo>
                  <a:cubicBezTo>
                    <a:pt x="19307" y="5368"/>
                    <a:pt x="17209" y="4464"/>
                    <a:pt x="14943" y="3493"/>
                  </a:cubicBezTo>
                  <a:cubicBezTo>
                    <a:pt x="14810" y="3850"/>
                    <a:pt x="14464" y="4196"/>
                    <a:pt x="13861" y="4341"/>
                  </a:cubicBezTo>
                  <a:cubicBezTo>
                    <a:pt x="13695" y="4382"/>
                    <a:pt x="13497" y="4402"/>
                    <a:pt x="13270" y="4402"/>
                  </a:cubicBezTo>
                  <a:cubicBezTo>
                    <a:pt x="10014" y="4402"/>
                    <a:pt x="940" y="396"/>
                    <a:pt x="1" y="0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5" name="Google Shape;145;p24"/>
            <p:cNvSpPr/>
            <p:nvPr/>
          </p:nvSpPr>
          <p:spPr>
            <a:xfrm>
              <a:off x="3811375" y="2876300"/>
              <a:ext cx="409875" cy="121675"/>
            </a:xfrm>
            <a:custGeom>
              <a:avLst/>
              <a:gdLst/>
              <a:ahLst/>
              <a:cxnLst/>
              <a:rect l="l" t="t" r="r" b="b"/>
              <a:pathLst>
                <a:path w="16395" h="4867" extrusionOk="0">
                  <a:moveTo>
                    <a:pt x="1" y="1"/>
                  </a:moveTo>
                  <a:lnTo>
                    <a:pt x="1" y="1"/>
                  </a:lnTo>
                  <a:cubicBezTo>
                    <a:pt x="525" y="257"/>
                    <a:pt x="1106" y="548"/>
                    <a:pt x="1742" y="860"/>
                  </a:cubicBezTo>
                  <a:cubicBezTo>
                    <a:pt x="2043" y="983"/>
                    <a:pt x="2333" y="1094"/>
                    <a:pt x="2634" y="1206"/>
                  </a:cubicBezTo>
                  <a:cubicBezTo>
                    <a:pt x="4331" y="1876"/>
                    <a:pt x="6038" y="2478"/>
                    <a:pt x="7757" y="3070"/>
                  </a:cubicBezTo>
                  <a:cubicBezTo>
                    <a:pt x="9475" y="3639"/>
                    <a:pt x="11216" y="4197"/>
                    <a:pt x="12990" y="4598"/>
                  </a:cubicBezTo>
                  <a:cubicBezTo>
                    <a:pt x="13437" y="4699"/>
                    <a:pt x="13894" y="4777"/>
                    <a:pt x="14352" y="4833"/>
                  </a:cubicBezTo>
                  <a:cubicBezTo>
                    <a:pt x="14575" y="4855"/>
                    <a:pt x="14809" y="4866"/>
                    <a:pt x="15044" y="4866"/>
                  </a:cubicBezTo>
                  <a:cubicBezTo>
                    <a:pt x="15289" y="4866"/>
                    <a:pt x="15524" y="4811"/>
                    <a:pt x="15747" y="4710"/>
                  </a:cubicBezTo>
                  <a:cubicBezTo>
                    <a:pt x="15992" y="4610"/>
                    <a:pt x="16216" y="4442"/>
                    <a:pt x="16394" y="4219"/>
                  </a:cubicBezTo>
                  <a:cubicBezTo>
                    <a:pt x="16349" y="4208"/>
                    <a:pt x="16305" y="4186"/>
                    <a:pt x="16260" y="4174"/>
                  </a:cubicBezTo>
                  <a:cubicBezTo>
                    <a:pt x="16093" y="4342"/>
                    <a:pt x="15892" y="4476"/>
                    <a:pt x="15669" y="4554"/>
                  </a:cubicBezTo>
                  <a:cubicBezTo>
                    <a:pt x="15459" y="4647"/>
                    <a:pt x="15236" y="4680"/>
                    <a:pt x="15008" y="4680"/>
                  </a:cubicBezTo>
                  <a:cubicBezTo>
                    <a:pt x="14800" y="4680"/>
                    <a:pt x="14587" y="4653"/>
                    <a:pt x="14374" y="4621"/>
                  </a:cubicBezTo>
                  <a:cubicBezTo>
                    <a:pt x="13928" y="4543"/>
                    <a:pt x="13493" y="4442"/>
                    <a:pt x="13057" y="4342"/>
                  </a:cubicBezTo>
                  <a:cubicBezTo>
                    <a:pt x="11305" y="3907"/>
                    <a:pt x="9587" y="3326"/>
                    <a:pt x="7857" y="2757"/>
                  </a:cubicBezTo>
                  <a:cubicBezTo>
                    <a:pt x="6139" y="2199"/>
                    <a:pt x="4431" y="1574"/>
                    <a:pt x="2724" y="972"/>
                  </a:cubicBezTo>
                  <a:lnTo>
                    <a:pt x="1" y="1"/>
                  </a:ln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6" name="Google Shape;146;p24"/>
            <p:cNvSpPr/>
            <p:nvPr/>
          </p:nvSpPr>
          <p:spPr>
            <a:xfrm>
              <a:off x="4396425" y="2379600"/>
              <a:ext cx="276775" cy="641250"/>
            </a:xfrm>
            <a:custGeom>
              <a:avLst/>
              <a:gdLst/>
              <a:ahLst/>
              <a:cxnLst/>
              <a:rect l="l" t="t" r="r" b="b"/>
              <a:pathLst>
                <a:path w="11071" h="25650" extrusionOk="0">
                  <a:moveTo>
                    <a:pt x="956" y="1"/>
                  </a:moveTo>
                  <a:cubicBezTo>
                    <a:pt x="505" y="1"/>
                    <a:pt x="306" y="796"/>
                    <a:pt x="279" y="2996"/>
                  </a:cubicBezTo>
                  <a:cubicBezTo>
                    <a:pt x="268" y="3844"/>
                    <a:pt x="235" y="5730"/>
                    <a:pt x="212" y="8073"/>
                  </a:cubicBezTo>
                  <a:lnTo>
                    <a:pt x="212" y="8631"/>
                  </a:lnTo>
                  <a:cubicBezTo>
                    <a:pt x="201" y="8854"/>
                    <a:pt x="201" y="9089"/>
                    <a:pt x="201" y="9323"/>
                  </a:cubicBezTo>
                  <a:cubicBezTo>
                    <a:pt x="112" y="16153"/>
                    <a:pt x="0" y="25649"/>
                    <a:pt x="0" y="25649"/>
                  </a:cubicBezTo>
                  <a:lnTo>
                    <a:pt x="11070" y="20326"/>
                  </a:lnTo>
                  <a:cubicBezTo>
                    <a:pt x="11070" y="20326"/>
                    <a:pt x="10725" y="18965"/>
                    <a:pt x="10211" y="17034"/>
                  </a:cubicBezTo>
                  <a:cubicBezTo>
                    <a:pt x="10155" y="16800"/>
                    <a:pt x="10077" y="16554"/>
                    <a:pt x="10010" y="16309"/>
                  </a:cubicBezTo>
                  <a:cubicBezTo>
                    <a:pt x="10010" y="16264"/>
                    <a:pt x="9999" y="16231"/>
                    <a:pt x="9988" y="16197"/>
                  </a:cubicBezTo>
                  <a:cubicBezTo>
                    <a:pt x="8839" y="11912"/>
                    <a:pt x="7075" y="5674"/>
                    <a:pt x="6272" y="4647"/>
                  </a:cubicBezTo>
                  <a:cubicBezTo>
                    <a:pt x="5301" y="3397"/>
                    <a:pt x="2065" y="585"/>
                    <a:pt x="1339" y="139"/>
                  </a:cubicBezTo>
                  <a:cubicBezTo>
                    <a:pt x="1195" y="50"/>
                    <a:pt x="1068" y="1"/>
                    <a:pt x="956" y="1"/>
                  </a:cubicBezTo>
                  <a:close/>
                </a:path>
              </a:pathLst>
            </a:custGeom>
            <a:solidFill>
              <a:srgbClr val="87B7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7" name="Google Shape;147;p24"/>
            <p:cNvSpPr/>
            <p:nvPr/>
          </p:nvSpPr>
          <p:spPr>
            <a:xfrm>
              <a:off x="4396425" y="2612675"/>
              <a:ext cx="276775" cy="408175"/>
            </a:xfrm>
            <a:custGeom>
              <a:avLst/>
              <a:gdLst/>
              <a:ahLst/>
              <a:cxnLst/>
              <a:rect l="l" t="t" r="r" b="b"/>
              <a:pathLst>
                <a:path w="11071" h="16327" extrusionOk="0">
                  <a:moveTo>
                    <a:pt x="201" y="0"/>
                  </a:moveTo>
                  <a:cubicBezTo>
                    <a:pt x="112" y="6830"/>
                    <a:pt x="0" y="16326"/>
                    <a:pt x="0" y="16326"/>
                  </a:cubicBezTo>
                  <a:lnTo>
                    <a:pt x="11070" y="11003"/>
                  </a:lnTo>
                  <a:cubicBezTo>
                    <a:pt x="11070" y="11003"/>
                    <a:pt x="10725" y="9642"/>
                    <a:pt x="10211" y="7711"/>
                  </a:cubicBezTo>
                  <a:cubicBezTo>
                    <a:pt x="9797" y="7783"/>
                    <a:pt x="9396" y="7817"/>
                    <a:pt x="9007" y="7817"/>
                  </a:cubicBezTo>
                  <a:cubicBezTo>
                    <a:pt x="4539" y="7817"/>
                    <a:pt x="1700" y="3347"/>
                    <a:pt x="201" y="0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8" name="Google Shape;148;p24"/>
            <p:cNvSpPr/>
            <p:nvPr/>
          </p:nvSpPr>
          <p:spPr>
            <a:xfrm>
              <a:off x="4401725" y="2581425"/>
              <a:ext cx="245250" cy="207875"/>
            </a:xfrm>
            <a:custGeom>
              <a:avLst/>
              <a:gdLst/>
              <a:ahLst/>
              <a:cxnLst/>
              <a:rect l="l" t="t" r="r" b="b"/>
              <a:pathLst>
                <a:path w="9810" h="8315" extrusionOk="0">
                  <a:moveTo>
                    <a:pt x="0" y="0"/>
                  </a:moveTo>
                  <a:lnTo>
                    <a:pt x="0" y="558"/>
                  </a:lnTo>
                  <a:cubicBezTo>
                    <a:pt x="290" y="1183"/>
                    <a:pt x="625" y="1786"/>
                    <a:pt x="993" y="2377"/>
                  </a:cubicBezTo>
                  <a:cubicBezTo>
                    <a:pt x="1652" y="3493"/>
                    <a:pt x="2444" y="4531"/>
                    <a:pt x="3337" y="5468"/>
                  </a:cubicBezTo>
                  <a:cubicBezTo>
                    <a:pt x="3795" y="5937"/>
                    <a:pt x="4286" y="6372"/>
                    <a:pt x="4799" y="6774"/>
                  </a:cubicBezTo>
                  <a:cubicBezTo>
                    <a:pt x="5323" y="7165"/>
                    <a:pt x="5893" y="7499"/>
                    <a:pt x="6484" y="7778"/>
                  </a:cubicBezTo>
                  <a:cubicBezTo>
                    <a:pt x="7236" y="8134"/>
                    <a:pt x="8052" y="8314"/>
                    <a:pt x="8874" y="8314"/>
                  </a:cubicBezTo>
                  <a:cubicBezTo>
                    <a:pt x="9186" y="8314"/>
                    <a:pt x="9499" y="8288"/>
                    <a:pt x="9809" y="8236"/>
                  </a:cubicBezTo>
                  <a:cubicBezTo>
                    <a:pt x="9798" y="8202"/>
                    <a:pt x="9787" y="8158"/>
                    <a:pt x="9776" y="8124"/>
                  </a:cubicBezTo>
                  <a:cubicBezTo>
                    <a:pt x="8705" y="8113"/>
                    <a:pt x="7645" y="7834"/>
                    <a:pt x="6718" y="7298"/>
                  </a:cubicBezTo>
                  <a:cubicBezTo>
                    <a:pt x="5636" y="6685"/>
                    <a:pt x="4654" y="5915"/>
                    <a:pt x="3817" y="5000"/>
                  </a:cubicBezTo>
                  <a:cubicBezTo>
                    <a:pt x="3370" y="4553"/>
                    <a:pt x="2969" y="4073"/>
                    <a:pt x="2567" y="3594"/>
                  </a:cubicBezTo>
                  <a:cubicBezTo>
                    <a:pt x="2165" y="3103"/>
                    <a:pt x="1797" y="2600"/>
                    <a:pt x="1418" y="2087"/>
                  </a:cubicBezTo>
                  <a:cubicBezTo>
                    <a:pt x="927" y="1406"/>
                    <a:pt x="447" y="714"/>
                    <a:pt x="0" y="0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9" name="Google Shape;149;p24"/>
            <p:cNvSpPr/>
            <p:nvPr/>
          </p:nvSpPr>
          <p:spPr>
            <a:xfrm>
              <a:off x="4174625" y="2238575"/>
              <a:ext cx="2467400" cy="994325"/>
            </a:xfrm>
            <a:custGeom>
              <a:avLst/>
              <a:gdLst/>
              <a:ahLst/>
              <a:cxnLst/>
              <a:rect l="l" t="t" r="r" b="b"/>
              <a:pathLst>
                <a:path w="98696" h="39773" extrusionOk="0">
                  <a:moveTo>
                    <a:pt x="83334" y="1"/>
                  </a:moveTo>
                  <a:cubicBezTo>
                    <a:pt x="81505" y="1"/>
                    <a:pt x="79637" y="224"/>
                    <a:pt x="77838" y="713"/>
                  </a:cubicBezTo>
                  <a:cubicBezTo>
                    <a:pt x="69982" y="2834"/>
                    <a:pt x="15825" y="26726"/>
                    <a:pt x="10334" y="29192"/>
                  </a:cubicBezTo>
                  <a:cubicBezTo>
                    <a:pt x="4833" y="31659"/>
                    <a:pt x="0" y="34248"/>
                    <a:pt x="1139" y="37093"/>
                  </a:cubicBezTo>
                  <a:cubicBezTo>
                    <a:pt x="1701" y="38482"/>
                    <a:pt x="4678" y="39772"/>
                    <a:pt x="16657" y="39772"/>
                  </a:cubicBezTo>
                  <a:cubicBezTo>
                    <a:pt x="16810" y="39772"/>
                    <a:pt x="16964" y="39772"/>
                    <a:pt x="17119" y="39772"/>
                  </a:cubicBezTo>
                  <a:cubicBezTo>
                    <a:pt x="28680" y="39738"/>
                    <a:pt x="49236" y="34794"/>
                    <a:pt x="53834" y="32886"/>
                  </a:cubicBezTo>
                  <a:cubicBezTo>
                    <a:pt x="88919" y="18345"/>
                    <a:pt x="98695" y="12710"/>
                    <a:pt x="96374" y="5981"/>
                  </a:cubicBezTo>
                  <a:cubicBezTo>
                    <a:pt x="95179" y="2524"/>
                    <a:pt x="89477" y="1"/>
                    <a:pt x="83334" y="1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0" name="Google Shape;150;p24"/>
            <p:cNvSpPr/>
            <p:nvPr/>
          </p:nvSpPr>
          <p:spPr>
            <a:xfrm>
              <a:off x="4188025" y="2238375"/>
              <a:ext cx="2454000" cy="994525"/>
            </a:xfrm>
            <a:custGeom>
              <a:avLst/>
              <a:gdLst/>
              <a:ahLst/>
              <a:cxnLst/>
              <a:rect l="l" t="t" r="r" b="b"/>
              <a:pathLst>
                <a:path w="98160" h="39781" extrusionOk="0">
                  <a:moveTo>
                    <a:pt x="82784" y="1"/>
                  </a:moveTo>
                  <a:cubicBezTo>
                    <a:pt x="81925" y="1"/>
                    <a:pt x="81057" y="50"/>
                    <a:pt x="80192" y="152"/>
                  </a:cubicBezTo>
                  <a:cubicBezTo>
                    <a:pt x="84745" y="721"/>
                    <a:pt x="88607" y="2775"/>
                    <a:pt x="89522" y="5431"/>
                  </a:cubicBezTo>
                  <a:cubicBezTo>
                    <a:pt x="91631" y="11535"/>
                    <a:pt x="79199" y="12629"/>
                    <a:pt x="47361" y="25830"/>
                  </a:cubicBezTo>
                  <a:cubicBezTo>
                    <a:pt x="43187" y="27560"/>
                    <a:pt x="28100" y="36063"/>
                    <a:pt x="17610" y="36097"/>
                  </a:cubicBezTo>
                  <a:cubicBezTo>
                    <a:pt x="17456" y="36097"/>
                    <a:pt x="17304" y="36098"/>
                    <a:pt x="17153" y="36098"/>
                  </a:cubicBezTo>
                  <a:cubicBezTo>
                    <a:pt x="6319" y="36098"/>
                    <a:pt x="3609" y="34919"/>
                    <a:pt x="3102" y="33664"/>
                  </a:cubicBezTo>
                  <a:cubicBezTo>
                    <a:pt x="2991" y="33396"/>
                    <a:pt x="2946" y="33106"/>
                    <a:pt x="2957" y="32827"/>
                  </a:cubicBezTo>
                  <a:lnTo>
                    <a:pt x="2957" y="32827"/>
                  </a:lnTo>
                  <a:cubicBezTo>
                    <a:pt x="1049" y="34189"/>
                    <a:pt x="0" y="35617"/>
                    <a:pt x="603" y="37101"/>
                  </a:cubicBezTo>
                  <a:cubicBezTo>
                    <a:pt x="1154" y="38490"/>
                    <a:pt x="4142" y="39780"/>
                    <a:pt x="16121" y="39780"/>
                  </a:cubicBezTo>
                  <a:cubicBezTo>
                    <a:pt x="16274" y="39780"/>
                    <a:pt x="16428" y="39780"/>
                    <a:pt x="16583" y="39780"/>
                  </a:cubicBezTo>
                  <a:cubicBezTo>
                    <a:pt x="28144" y="39735"/>
                    <a:pt x="48700" y="34802"/>
                    <a:pt x="53309" y="32894"/>
                  </a:cubicBezTo>
                  <a:cubicBezTo>
                    <a:pt x="88383" y="18353"/>
                    <a:pt x="98159" y="12718"/>
                    <a:pt x="95838" y="5989"/>
                  </a:cubicBezTo>
                  <a:cubicBezTo>
                    <a:pt x="94643" y="2522"/>
                    <a:pt x="88937" y="1"/>
                    <a:pt x="82784" y="1"/>
                  </a:cubicBezTo>
                  <a:close/>
                </a:path>
              </a:pathLst>
            </a:custGeom>
            <a:solidFill>
              <a:srgbClr val="87B7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1" name="Google Shape;151;p24"/>
            <p:cNvSpPr/>
            <p:nvPr/>
          </p:nvSpPr>
          <p:spPr>
            <a:xfrm>
              <a:off x="4632175" y="2917600"/>
              <a:ext cx="31250" cy="59175"/>
            </a:xfrm>
            <a:custGeom>
              <a:avLst/>
              <a:gdLst/>
              <a:ahLst/>
              <a:cxnLst/>
              <a:rect l="l" t="t" r="r" b="b"/>
              <a:pathLst>
                <a:path w="1250" h="2367" extrusionOk="0">
                  <a:moveTo>
                    <a:pt x="1250" y="0"/>
                  </a:moveTo>
                  <a:lnTo>
                    <a:pt x="0" y="536"/>
                  </a:lnTo>
                  <a:lnTo>
                    <a:pt x="0" y="2366"/>
                  </a:lnTo>
                  <a:lnTo>
                    <a:pt x="1250" y="1831"/>
                  </a:lnTo>
                  <a:lnTo>
                    <a:pt x="1250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2" name="Google Shape;152;p24"/>
            <p:cNvSpPr/>
            <p:nvPr/>
          </p:nvSpPr>
          <p:spPr>
            <a:xfrm>
              <a:off x="4689075" y="2891925"/>
              <a:ext cx="33225" cy="60300"/>
            </a:xfrm>
            <a:custGeom>
              <a:avLst/>
              <a:gdLst/>
              <a:ahLst/>
              <a:cxnLst/>
              <a:rect l="l" t="t" r="r" b="b"/>
              <a:pathLst>
                <a:path w="1329" h="2412" extrusionOk="0">
                  <a:moveTo>
                    <a:pt x="1329" y="1"/>
                  </a:moveTo>
                  <a:lnTo>
                    <a:pt x="1" y="581"/>
                  </a:lnTo>
                  <a:lnTo>
                    <a:pt x="1" y="2411"/>
                  </a:lnTo>
                  <a:lnTo>
                    <a:pt x="1329" y="1831"/>
                  </a:lnTo>
                  <a:lnTo>
                    <a:pt x="1329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3" name="Google Shape;153;p24"/>
            <p:cNvSpPr/>
            <p:nvPr/>
          </p:nvSpPr>
          <p:spPr>
            <a:xfrm>
              <a:off x="4747950" y="2866550"/>
              <a:ext cx="33225" cy="60275"/>
            </a:xfrm>
            <a:custGeom>
              <a:avLst/>
              <a:gdLst/>
              <a:ahLst/>
              <a:cxnLst/>
              <a:rect l="l" t="t" r="r" b="b"/>
              <a:pathLst>
                <a:path w="1329" h="2411" extrusionOk="0">
                  <a:moveTo>
                    <a:pt x="1328" y="0"/>
                  </a:moveTo>
                  <a:lnTo>
                    <a:pt x="0" y="580"/>
                  </a:lnTo>
                  <a:lnTo>
                    <a:pt x="0" y="2411"/>
                  </a:lnTo>
                  <a:lnTo>
                    <a:pt x="1328" y="1830"/>
                  </a:lnTo>
                  <a:lnTo>
                    <a:pt x="1328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4" name="Google Shape;154;p24"/>
            <p:cNvSpPr/>
            <p:nvPr/>
          </p:nvSpPr>
          <p:spPr>
            <a:xfrm>
              <a:off x="4806800" y="2841150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9" y="1"/>
                  </a:moveTo>
                  <a:lnTo>
                    <a:pt x="1" y="570"/>
                  </a:lnTo>
                  <a:lnTo>
                    <a:pt x="1" y="2400"/>
                  </a:lnTo>
                  <a:lnTo>
                    <a:pt x="1329" y="1831"/>
                  </a:lnTo>
                  <a:lnTo>
                    <a:pt x="1329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5" name="Google Shape;155;p24"/>
            <p:cNvSpPr/>
            <p:nvPr/>
          </p:nvSpPr>
          <p:spPr>
            <a:xfrm>
              <a:off x="4865675" y="2815500"/>
              <a:ext cx="33225" cy="60275"/>
            </a:xfrm>
            <a:custGeom>
              <a:avLst/>
              <a:gdLst/>
              <a:ahLst/>
              <a:cxnLst/>
              <a:rect l="l" t="t" r="r" b="b"/>
              <a:pathLst>
                <a:path w="1329" h="2411" extrusionOk="0">
                  <a:moveTo>
                    <a:pt x="1329" y="0"/>
                  </a:moveTo>
                  <a:lnTo>
                    <a:pt x="1" y="580"/>
                  </a:lnTo>
                  <a:lnTo>
                    <a:pt x="1" y="2410"/>
                  </a:lnTo>
                  <a:lnTo>
                    <a:pt x="1329" y="1830"/>
                  </a:lnTo>
                  <a:lnTo>
                    <a:pt x="1329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6" name="Google Shape;156;p24"/>
            <p:cNvSpPr/>
            <p:nvPr/>
          </p:nvSpPr>
          <p:spPr>
            <a:xfrm>
              <a:off x="4924550" y="2790100"/>
              <a:ext cx="33225" cy="60275"/>
            </a:xfrm>
            <a:custGeom>
              <a:avLst/>
              <a:gdLst/>
              <a:ahLst/>
              <a:cxnLst/>
              <a:rect l="l" t="t" r="r" b="b"/>
              <a:pathLst>
                <a:path w="1329" h="2411" extrusionOk="0">
                  <a:moveTo>
                    <a:pt x="1328" y="0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1"/>
                  </a:lnTo>
                  <a:lnTo>
                    <a:pt x="1328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7" name="Google Shape;157;p24"/>
            <p:cNvSpPr/>
            <p:nvPr/>
          </p:nvSpPr>
          <p:spPr>
            <a:xfrm>
              <a:off x="4983400" y="2764700"/>
              <a:ext cx="33225" cy="60025"/>
            </a:xfrm>
            <a:custGeom>
              <a:avLst/>
              <a:gdLst/>
              <a:ahLst/>
              <a:cxnLst/>
              <a:rect l="l" t="t" r="r" b="b"/>
              <a:pathLst>
                <a:path w="1329" h="2401" extrusionOk="0">
                  <a:moveTo>
                    <a:pt x="1329" y="1"/>
                  </a:moveTo>
                  <a:lnTo>
                    <a:pt x="1" y="570"/>
                  </a:lnTo>
                  <a:lnTo>
                    <a:pt x="1" y="2400"/>
                  </a:lnTo>
                  <a:lnTo>
                    <a:pt x="1329" y="1831"/>
                  </a:lnTo>
                  <a:lnTo>
                    <a:pt x="1329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8" name="Google Shape;158;p24"/>
            <p:cNvSpPr/>
            <p:nvPr/>
          </p:nvSpPr>
          <p:spPr>
            <a:xfrm>
              <a:off x="5042275" y="2739050"/>
              <a:ext cx="33225" cy="60275"/>
            </a:xfrm>
            <a:custGeom>
              <a:avLst/>
              <a:gdLst/>
              <a:ahLst/>
              <a:cxnLst/>
              <a:rect l="l" t="t" r="r" b="b"/>
              <a:pathLst>
                <a:path w="1329" h="2411" extrusionOk="0">
                  <a:moveTo>
                    <a:pt x="1328" y="0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0"/>
                  </a:lnTo>
                  <a:lnTo>
                    <a:pt x="1328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9" name="Google Shape;159;p24"/>
            <p:cNvSpPr/>
            <p:nvPr/>
          </p:nvSpPr>
          <p:spPr>
            <a:xfrm>
              <a:off x="5101150" y="2713650"/>
              <a:ext cx="33225" cy="60300"/>
            </a:xfrm>
            <a:custGeom>
              <a:avLst/>
              <a:gdLst/>
              <a:ahLst/>
              <a:cxnLst/>
              <a:rect l="l" t="t" r="r" b="b"/>
              <a:pathLst>
                <a:path w="1329" h="2412" extrusionOk="0">
                  <a:moveTo>
                    <a:pt x="1328" y="1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1"/>
                  </a:lnTo>
                  <a:lnTo>
                    <a:pt x="1328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0" name="Google Shape;160;p24"/>
            <p:cNvSpPr/>
            <p:nvPr/>
          </p:nvSpPr>
          <p:spPr>
            <a:xfrm>
              <a:off x="5160000" y="2688275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9" y="0"/>
                  </a:moveTo>
                  <a:lnTo>
                    <a:pt x="1" y="569"/>
                  </a:lnTo>
                  <a:lnTo>
                    <a:pt x="1" y="2400"/>
                  </a:lnTo>
                  <a:lnTo>
                    <a:pt x="1329" y="1830"/>
                  </a:lnTo>
                  <a:lnTo>
                    <a:pt x="1329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1" name="Google Shape;161;p24"/>
            <p:cNvSpPr/>
            <p:nvPr/>
          </p:nvSpPr>
          <p:spPr>
            <a:xfrm>
              <a:off x="5218875" y="2662600"/>
              <a:ext cx="33225" cy="60300"/>
            </a:xfrm>
            <a:custGeom>
              <a:avLst/>
              <a:gdLst/>
              <a:ahLst/>
              <a:cxnLst/>
              <a:rect l="l" t="t" r="r" b="b"/>
              <a:pathLst>
                <a:path w="1329" h="2412" extrusionOk="0">
                  <a:moveTo>
                    <a:pt x="1328" y="1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1"/>
                  </a:lnTo>
                  <a:lnTo>
                    <a:pt x="1328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2" name="Google Shape;162;p24"/>
            <p:cNvSpPr/>
            <p:nvPr/>
          </p:nvSpPr>
          <p:spPr>
            <a:xfrm>
              <a:off x="5277750" y="2637225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8" y="0"/>
                  </a:moveTo>
                  <a:lnTo>
                    <a:pt x="0" y="569"/>
                  </a:lnTo>
                  <a:lnTo>
                    <a:pt x="0" y="2399"/>
                  </a:lnTo>
                  <a:lnTo>
                    <a:pt x="1328" y="1830"/>
                  </a:lnTo>
                  <a:lnTo>
                    <a:pt x="1328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3" name="Google Shape;163;p24"/>
            <p:cNvSpPr/>
            <p:nvPr/>
          </p:nvSpPr>
          <p:spPr>
            <a:xfrm>
              <a:off x="5336600" y="2611825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9" y="1"/>
                  </a:moveTo>
                  <a:lnTo>
                    <a:pt x="1" y="570"/>
                  </a:lnTo>
                  <a:lnTo>
                    <a:pt x="1" y="2400"/>
                  </a:lnTo>
                  <a:lnTo>
                    <a:pt x="1329" y="1831"/>
                  </a:lnTo>
                  <a:lnTo>
                    <a:pt x="1329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4" name="Google Shape;164;p24"/>
            <p:cNvSpPr/>
            <p:nvPr/>
          </p:nvSpPr>
          <p:spPr>
            <a:xfrm>
              <a:off x="5395475" y="2586150"/>
              <a:ext cx="33225" cy="60300"/>
            </a:xfrm>
            <a:custGeom>
              <a:avLst/>
              <a:gdLst/>
              <a:ahLst/>
              <a:cxnLst/>
              <a:rect l="l" t="t" r="r" b="b"/>
              <a:pathLst>
                <a:path w="1329" h="2412" extrusionOk="0">
                  <a:moveTo>
                    <a:pt x="1328" y="1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1"/>
                  </a:lnTo>
                  <a:lnTo>
                    <a:pt x="1328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5" name="Google Shape;165;p24"/>
            <p:cNvSpPr/>
            <p:nvPr/>
          </p:nvSpPr>
          <p:spPr>
            <a:xfrm>
              <a:off x="5454350" y="2560775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8" y="0"/>
                  </a:moveTo>
                  <a:lnTo>
                    <a:pt x="0" y="570"/>
                  </a:lnTo>
                  <a:lnTo>
                    <a:pt x="0" y="2400"/>
                  </a:lnTo>
                  <a:lnTo>
                    <a:pt x="1328" y="1831"/>
                  </a:lnTo>
                  <a:lnTo>
                    <a:pt x="1328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6" name="Google Shape;166;p24"/>
            <p:cNvSpPr/>
            <p:nvPr/>
          </p:nvSpPr>
          <p:spPr>
            <a:xfrm>
              <a:off x="5513200" y="2535375"/>
              <a:ext cx="33225" cy="60025"/>
            </a:xfrm>
            <a:custGeom>
              <a:avLst/>
              <a:gdLst/>
              <a:ahLst/>
              <a:cxnLst/>
              <a:rect l="l" t="t" r="r" b="b"/>
              <a:pathLst>
                <a:path w="1329" h="2401" extrusionOk="0">
                  <a:moveTo>
                    <a:pt x="1329" y="1"/>
                  </a:moveTo>
                  <a:lnTo>
                    <a:pt x="1" y="570"/>
                  </a:lnTo>
                  <a:lnTo>
                    <a:pt x="1" y="2400"/>
                  </a:lnTo>
                  <a:lnTo>
                    <a:pt x="1329" y="1831"/>
                  </a:lnTo>
                  <a:lnTo>
                    <a:pt x="1329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7" name="Google Shape;167;p24"/>
            <p:cNvSpPr/>
            <p:nvPr/>
          </p:nvSpPr>
          <p:spPr>
            <a:xfrm>
              <a:off x="5572075" y="2509725"/>
              <a:ext cx="33225" cy="60275"/>
            </a:xfrm>
            <a:custGeom>
              <a:avLst/>
              <a:gdLst/>
              <a:ahLst/>
              <a:cxnLst/>
              <a:rect l="l" t="t" r="r" b="b"/>
              <a:pathLst>
                <a:path w="1329" h="2411" extrusionOk="0">
                  <a:moveTo>
                    <a:pt x="1328" y="0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0"/>
                  </a:lnTo>
                  <a:lnTo>
                    <a:pt x="1328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8" name="Google Shape;168;p24"/>
            <p:cNvSpPr/>
            <p:nvPr/>
          </p:nvSpPr>
          <p:spPr>
            <a:xfrm>
              <a:off x="5630950" y="2484325"/>
              <a:ext cx="33200" cy="60000"/>
            </a:xfrm>
            <a:custGeom>
              <a:avLst/>
              <a:gdLst/>
              <a:ahLst/>
              <a:cxnLst/>
              <a:rect l="l" t="t" r="r" b="b"/>
              <a:pathLst>
                <a:path w="1328" h="2400" extrusionOk="0">
                  <a:moveTo>
                    <a:pt x="1328" y="1"/>
                  </a:moveTo>
                  <a:lnTo>
                    <a:pt x="0" y="570"/>
                  </a:lnTo>
                  <a:lnTo>
                    <a:pt x="0" y="2400"/>
                  </a:lnTo>
                  <a:lnTo>
                    <a:pt x="1328" y="1831"/>
                  </a:lnTo>
                  <a:lnTo>
                    <a:pt x="1328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9" name="Google Shape;169;p24"/>
            <p:cNvSpPr/>
            <p:nvPr/>
          </p:nvSpPr>
          <p:spPr>
            <a:xfrm>
              <a:off x="5689800" y="2458950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9" y="0"/>
                  </a:moveTo>
                  <a:lnTo>
                    <a:pt x="1" y="569"/>
                  </a:lnTo>
                  <a:lnTo>
                    <a:pt x="1" y="2399"/>
                  </a:lnTo>
                  <a:lnTo>
                    <a:pt x="1329" y="1830"/>
                  </a:lnTo>
                  <a:lnTo>
                    <a:pt x="1329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0" name="Google Shape;170;p24"/>
            <p:cNvSpPr/>
            <p:nvPr/>
          </p:nvSpPr>
          <p:spPr>
            <a:xfrm>
              <a:off x="5748675" y="2433275"/>
              <a:ext cx="33225" cy="60275"/>
            </a:xfrm>
            <a:custGeom>
              <a:avLst/>
              <a:gdLst/>
              <a:ahLst/>
              <a:cxnLst/>
              <a:rect l="l" t="t" r="r" b="b"/>
              <a:pathLst>
                <a:path w="1329" h="2411" extrusionOk="0">
                  <a:moveTo>
                    <a:pt x="1328" y="1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1"/>
                  </a:lnTo>
                  <a:lnTo>
                    <a:pt x="1328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1" name="Google Shape;171;p24"/>
            <p:cNvSpPr/>
            <p:nvPr/>
          </p:nvSpPr>
          <p:spPr>
            <a:xfrm>
              <a:off x="5807525" y="2407900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9" y="0"/>
                  </a:moveTo>
                  <a:lnTo>
                    <a:pt x="1" y="569"/>
                  </a:lnTo>
                  <a:lnTo>
                    <a:pt x="1" y="2399"/>
                  </a:lnTo>
                  <a:lnTo>
                    <a:pt x="1329" y="1830"/>
                  </a:lnTo>
                  <a:lnTo>
                    <a:pt x="1329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2" name="Google Shape;172;p24"/>
            <p:cNvSpPr/>
            <p:nvPr/>
          </p:nvSpPr>
          <p:spPr>
            <a:xfrm>
              <a:off x="5866400" y="2382500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9" y="0"/>
                  </a:moveTo>
                  <a:lnTo>
                    <a:pt x="1" y="570"/>
                  </a:lnTo>
                  <a:lnTo>
                    <a:pt x="1" y="2400"/>
                  </a:lnTo>
                  <a:lnTo>
                    <a:pt x="1329" y="1831"/>
                  </a:lnTo>
                  <a:lnTo>
                    <a:pt x="1329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3" name="Google Shape;173;p24"/>
            <p:cNvSpPr/>
            <p:nvPr/>
          </p:nvSpPr>
          <p:spPr>
            <a:xfrm>
              <a:off x="5925275" y="2356825"/>
              <a:ext cx="33225" cy="60300"/>
            </a:xfrm>
            <a:custGeom>
              <a:avLst/>
              <a:gdLst/>
              <a:ahLst/>
              <a:cxnLst/>
              <a:rect l="l" t="t" r="r" b="b"/>
              <a:pathLst>
                <a:path w="1329" h="2412" extrusionOk="0">
                  <a:moveTo>
                    <a:pt x="1328" y="1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1"/>
                  </a:lnTo>
                  <a:lnTo>
                    <a:pt x="1328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4" name="Google Shape;174;p24"/>
            <p:cNvSpPr/>
            <p:nvPr/>
          </p:nvSpPr>
          <p:spPr>
            <a:xfrm>
              <a:off x="5984125" y="2331450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9" y="0"/>
                  </a:moveTo>
                  <a:lnTo>
                    <a:pt x="1" y="569"/>
                  </a:lnTo>
                  <a:lnTo>
                    <a:pt x="1" y="2400"/>
                  </a:lnTo>
                  <a:lnTo>
                    <a:pt x="1329" y="1830"/>
                  </a:lnTo>
                  <a:lnTo>
                    <a:pt x="1329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5" name="Google Shape;175;p24"/>
            <p:cNvSpPr/>
            <p:nvPr/>
          </p:nvSpPr>
          <p:spPr>
            <a:xfrm>
              <a:off x="6043000" y="2306050"/>
              <a:ext cx="33225" cy="60025"/>
            </a:xfrm>
            <a:custGeom>
              <a:avLst/>
              <a:gdLst/>
              <a:ahLst/>
              <a:cxnLst/>
              <a:rect l="l" t="t" r="r" b="b"/>
              <a:pathLst>
                <a:path w="1329" h="2401" extrusionOk="0">
                  <a:moveTo>
                    <a:pt x="1329" y="1"/>
                  </a:moveTo>
                  <a:lnTo>
                    <a:pt x="1" y="570"/>
                  </a:lnTo>
                  <a:lnTo>
                    <a:pt x="1" y="2400"/>
                  </a:lnTo>
                  <a:lnTo>
                    <a:pt x="1329" y="1831"/>
                  </a:lnTo>
                  <a:lnTo>
                    <a:pt x="1329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6" name="Google Shape;176;p24"/>
            <p:cNvSpPr/>
            <p:nvPr/>
          </p:nvSpPr>
          <p:spPr>
            <a:xfrm>
              <a:off x="6230200" y="2258350"/>
              <a:ext cx="61675" cy="30425"/>
            </a:xfrm>
            <a:custGeom>
              <a:avLst/>
              <a:gdLst/>
              <a:ahLst/>
              <a:cxnLst/>
              <a:rect l="l" t="t" r="r" b="b"/>
              <a:pathLst>
                <a:path w="2467" h="1217" extrusionOk="0">
                  <a:moveTo>
                    <a:pt x="2467" y="1"/>
                  </a:moveTo>
                  <a:cubicBezTo>
                    <a:pt x="1574" y="213"/>
                    <a:pt x="726" y="603"/>
                    <a:pt x="1" y="1150"/>
                  </a:cubicBezTo>
                  <a:cubicBezTo>
                    <a:pt x="860" y="1172"/>
                    <a:pt x="1675" y="1195"/>
                    <a:pt x="2467" y="1217"/>
                  </a:cubicBezTo>
                  <a:lnTo>
                    <a:pt x="2467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7" name="Google Shape;177;p24"/>
            <p:cNvSpPr/>
            <p:nvPr/>
          </p:nvSpPr>
          <p:spPr>
            <a:xfrm>
              <a:off x="6317525" y="2250900"/>
              <a:ext cx="46625" cy="42350"/>
            </a:xfrm>
            <a:custGeom>
              <a:avLst/>
              <a:gdLst/>
              <a:ahLst/>
              <a:cxnLst/>
              <a:rect l="l" t="t" r="r" b="b"/>
              <a:pathLst>
                <a:path w="1865" h="1694" extrusionOk="0">
                  <a:moveTo>
                    <a:pt x="1422" y="0"/>
                  </a:moveTo>
                  <a:cubicBezTo>
                    <a:pt x="945" y="0"/>
                    <a:pt x="469" y="29"/>
                    <a:pt x="1" y="98"/>
                  </a:cubicBezTo>
                  <a:lnTo>
                    <a:pt x="1" y="1571"/>
                  </a:lnTo>
                  <a:cubicBezTo>
                    <a:pt x="625" y="1604"/>
                    <a:pt x="1250" y="1638"/>
                    <a:pt x="1864" y="1693"/>
                  </a:cubicBezTo>
                  <a:lnTo>
                    <a:pt x="1864" y="8"/>
                  </a:lnTo>
                  <a:cubicBezTo>
                    <a:pt x="1717" y="3"/>
                    <a:pt x="1569" y="0"/>
                    <a:pt x="1422" y="0"/>
                  </a:cubicBez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8" name="Google Shape;178;p24"/>
            <p:cNvSpPr/>
            <p:nvPr/>
          </p:nvSpPr>
          <p:spPr>
            <a:xfrm>
              <a:off x="6389775" y="2253875"/>
              <a:ext cx="122500" cy="56675"/>
            </a:xfrm>
            <a:custGeom>
              <a:avLst/>
              <a:gdLst/>
              <a:ahLst/>
              <a:cxnLst/>
              <a:rect l="l" t="t" r="r" b="b"/>
              <a:pathLst>
                <a:path w="4900" h="2267" extrusionOk="0">
                  <a:moveTo>
                    <a:pt x="1" y="1"/>
                  </a:moveTo>
                  <a:lnTo>
                    <a:pt x="1" y="1675"/>
                  </a:lnTo>
                  <a:cubicBezTo>
                    <a:pt x="659" y="1742"/>
                    <a:pt x="1329" y="1820"/>
                    <a:pt x="2010" y="1920"/>
                  </a:cubicBezTo>
                  <a:cubicBezTo>
                    <a:pt x="2478" y="1965"/>
                    <a:pt x="2936" y="2054"/>
                    <a:pt x="3416" y="2110"/>
                  </a:cubicBezTo>
                  <a:cubicBezTo>
                    <a:pt x="3896" y="2166"/>
                    <a:pt x="4375" y="2255"/>
                    <a:pt x="4900" y="2266"/>
                  </a:cubicBezTo>
                  <a:cubicBezTo>
                    <a:pt x="4710" y="2099"/>
                    <a:pt x="4520" y="1932"/>
                    <a:pt x="4320" y="1775"/>
                  </a:cubicBezTo>
                  <a:cubicBezTo>
                    <a:pt x="4130" y="1619"/>
                    <a:pt x="3918" y="1474"/>
                    <a:pt x="3706" y="1340"/>
                  </a:cubicBezTo>
                  <a:cubicBezTo>
                    <a:pt x="3271" y="1072"/>
                    <a:pt x="2824" y="838"/>
                    <a:pt x="2356" y="648"/>
                  </a:cubicBezTo>
                  <a:cubicBezTo>
                    <a:pt x="1597" y="336"/>
                    <a:pt x="804" y="113"/>
                    <a:pt x="1" y="1"/>
                  </a:cubicBez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9" name="Google Shape;179;p24"/>
            <p:cNvSpPr/>
            <p:nvPr/>
          </p:nvSpPr>
          <p:spPr>
            <a:xfrm>
              <a:off x="3578975" y="2053400"/>
              <a:ext cx="1875400" cy="817625"/>
            </a:xfrm>
            <a:custGeom>
              <a:avLst/>
              <a:gdLst/>
              <a:ahLst/>
              <a:cxnLst/>
              <a:rect l="l" t="t" r="r" b="b"/>
              <a:pathLst>
                <a:path w="75016" h="32705" extrusionOk="0">
                  <a:moveTo>
                    <a:pt x="3195" y="0"/>
                  </a:moveTo>
                  <a:cubicBezTo>
                    <a:pt x="1646" y="0"/>
                    <a:pt x="270" y="88"/>
                    <a:pt x="113" y="298"/>
                  </a:cubicBezTo>
                  <a:cubicBezTo>
                    <a:pt x="1" y="454"/>
                    <a:pt x="7255" y="4482"/>
                    <a:pt x="16751" y="9672"/>
                  </a:cubicBezTo>
                  <a:lnTo>
                    <a:pt x="16796" y="9694"/>
                  </a:lnTo>
                  <a:cubicBezTo>
                    <a:pt x="34595" y="19414"/>
                    <a:pt x="59403" y="32705"/>
                    <a:pt x="59403" y="32705"/>
                  </a:cubicBezTo>
                  <a:lnTo>
                    <a:pt x="75015" y="25194"/>
                  </a:lnTo>
                  <a:cubicBezTo>
                    <a:pt x="75015" y="25194"/>
                    <a:pt x="66824" y="22159"/>
                    <a:pt x="56156" y="18197"/>
                  </a:cubicBezTo>
                  <a:cubicBezTo>
                    <a:pt x="36504" y="10910"/>
                    <a:pt x="8438" y="510"/>
                    <a:pt x="7634" y="298"/>
                  </a:cubicBezTo>
                  <a:cubicBezTo>
                    <a:pt x="7455" y="253"/>
                    <a:pt x="7277" y="220"/>
                    <a:pt x="7087" y="197"/>
                  </a:cubicBezTo>
                  <a:cubicBezTo>
                    <a:pt x="6185" y="74"/>
                    <a:pt x="4617" y="0"/>
                    <a:pt x="3195" y="0"/>
                  </a:cubicBezTo>
                  <a:close/>
                </a:path>
              </a:pathLst>
            </a:custGeom>
            <a:solidFill>
              <a:srgbClr val="87B7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0" name="Google Shape;180;p24"/>
            <p:cNvSpPr/>
            <p:nvPr/>
          </p:nvSpPr>
          <p:spPr>
            <a:xfrm>
              <a:off x="3998850" y="2295725"/>
              <a:ext cx="1455525" cy="575300"/>
            </a:xfrm>
            <a:custGeom>
              <a:avLst/>
              <a:gdLst/>
              <a:ahLst/>
              <a:cxnLst/>
              <a:rect l="l" t="t" r="r" b="b"/>
              <a:pathLst>
                <a:path w="58221" h="23012" extrusionOk="0">
                  <a:moveTo>
                    <a:pt x="1" y="1"/>
                  </a:moveTo>
                  <a:cubicBezTo>
                    <a:pt x="17800" y="9721"/>
                    <a:pt x="42608" y="23012"/>
                    <a:pt x="42608" y="23012"/>
                  </a:cubicBezTo>
                  <a:lnTo>
                    <a:pt x="58220" y="15501"/>
                  </a:lnTo>
                  <a:cubicBezTo>
                    <a:pt x="58220" y="15501"/>
                    <a:pt x="50029" y="12466"/>
                    <a:pt x="39349" y="8504"/>
                  </a:cubicBezTo>
                  <a:lnTo>
                    <a:pt x="39349" y="8504"/>
                  </a:lnTo>
                  <a:cubicBezTo>
                    <a:pt x="39461" y="11105"/>
                    <a:pt x="39048" y="13459"/>
                    <a:pt x="37475" y="14363"/>
                  </a:cubicBezTo>
                  <a:cubicBezTo>
                    <a:pt x="37184" y="14532"/>
                    <a:pt x="36757" y="14611"/>
                    <a:pt x="36215" y="14611"/>
                  </a:cubicBezTo>
                  <a:cubicBezTo>
                    <a:pt x="29001" y="14611"/>
                    <a:pt x="1298" y="644"/>
                    <a:pt x="1" y="1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1" name="Google Shape;181;p24"/>
            <p:cNvSpPr/>
            <p:nvPr/>
          </p:nvSpPr>
          <p:spPr>
            <a:xfrm>
              <a:off x="3921300" y="2253325"/>
              <a:ext cx="1051250" cy="374150"/>
            </a:xfrm>
            <a:custGeom>
              <a:avLst/>
              <a:gdLst/>
              <a:ahLst/>
              <a:cxnLst/>
              <a:rect l="l" t="t" r="r" b="b"/>
              <a:pathLst>
                <a:path w="42050" h="14966" extrusionOk="0">
                  <a:moveTo>
                    <a:pt x="1" y="1"/>
                  </a:moveTo>
                  <a:lnTo>
                    <a:pt x="5402" y="2947"/>
                  </a:lnTo>
                  <a:lnTo>
                    <a:pt x="5413" y="2958"/>
                  </a:lnTo>
                  <a:cubicBezTo>
                    <a:pt x="6094" y="3259"/>
                    <a:pt x="6774" y="3561"/>
                    <a:pt x="7455" y="3862"/>
                  </a:cubicBezTo>
                  <a:cubicBezTo>
                    <a:pt x="12187" y="5938"/>
                    <a:pt x="16952" y="7935"/>
                    <a:pt x="21773" y="9821"/>
                  </a:cubicBezTo>
                  <a:cubicBezTo>
                    <a:pt x="24183" y="10758"/>
                    <a:pt x="26605" y="11662"/>
                    <a:pt x="29049" y="12522"/>
                  </a:cubicBezTo>
                  <a:cubicBezTo>
                    <a:pt x="30276" y="12946"/>
                    <a:pt x="31504" y="13347"/>
                    <a:pt x="32754" y="13727"/>
                  </a:cubicBezTo>
                  <a:cubicBezTo>
                    <a:pt x="33992" y="14106"/>
                    <a:pt x="35242" y="14463"/>
                    <a:pt x="36537" y="14720"/>
                  </a:cubicBezTo>
                  <a:cubicBezTo>
                    <a:pt x="37195" y="14876"/>
                    <a:pt x="37865" y="14954"/>
                    <a:pt x="38534" y="14966"/>
                  </a:cubicBezTo>
                  <a:cubicBezTo>
                    <a:pt x="38724" y="14966"/>
                    <a:pt x="38914" y="14943"/>
                    <a:pt x="39092" y="14899"/>
                  </a:cubicBezTo>
                  <a:cubicBezTo>
                    <a:pt x="39282" y="14843"/>
                    <a:pt x="39461" y="14765"/>
                    <a:pt x="39617" y="14675"/>
                  </a:cubicBezTo>
                  <a:cubicBezTo>
                    <a:pt x="39929" y="14497"/>
                    <a:pt x="40219" y="14285"/>
                    <a:pt x="40476" y="14028"/>
                  </a:cubicBezTo>
                  <a:cubicBezTo>
                    <a:pt x="40956" y="13537"/>
                    <a:pt x="41324" y="12934"/>
                    <a:pt x="41559" y="12287"/>
                  </a:cubicBezTo>
                  <a:cubicBezTo>
                    <a:pt x="41782" y="11651"/>
                    <a:pt x="41938" y="11004"/>
                    <a:pt x="42016" y="10334"/>
                  </a:cubicBezTo>
                  <a:cubicBezTo>
                    <a:pt x="42027" y="10245"/>
                    <a:pt x="42038" y="10145"/>
                    <a:pt x="42050" y="10055"/>
                  </a:cubicBezTo>
                  <a:lnTo>
                    <a:pt x="41570" y="9877"/>
                  </a:lnTo>
                  <a:cubicBezTo>
                    <a:pt x="41547" y="10011"/>
                    <a:pt x="41536" y="10133"/>
                    <a:pt x="41514" y="10256"/>
                  </a:cubicBezTo>
                  <a:cubicBezTo>
                    <a:pt x="41291" y="11484"/>
                    <a:pt x="40867" y="12734"/>
                    <a:pt x="39996" y="13537"/>
                  </a:cubicBezTo>
                  <a:cubicBezTo>
                    <a:pt x="39784" y="13738"/>
                    <a:pt x="39539" y="13905"/>
                    <a:pt x="39282" y="14028"/>
                  </a:cubicBezTo>
                  <a:cubicBezTo>
                    <a:pt x="39170" y="14095"/>
                    <a:pt x="39048" y="14151"/>
                    <a:pt x="38925" y="14184"/>
                  </a:cubicBezTo>
                  <a:cubicBezTo>
                    <a:pt x="38827" y="14201"/>
                    <a:pt x="38729" y="14211"/>
                    <a:pt x="38631" y="14211"/>
                  </a:cubicBezTo>
                  <a:cubicBezTo>
                    <a:pt x="38595" y="14211"/>
                    <a:pt x="38559" y="14210"/>
                    <a:pt x="38523" y="14207"/>
                  </a:cubicBezTo>
                  <a:cubicBezTo>
                    <a:pt x="37909" y="14173"/>
                    <a:pt x="37296" y="14084"/>
                    <a:pt x="36693" y="13928"/>
                  </a:cubicBezTo>
                  <a:cubicBezTo>
                    <a:pt x="34227" y="13336"/>
                    <a:pt x="31783" y="12488"/>
                    <a:pt x="29361" y="11618"/>
                  </a:cubicBezTo>
                  <a:cubicBezTo>
                    <a:pt x="26951" y="10747"/>
                    <a:pt x="24529" y="9821"/>
                    <a:pt x="22130" y="8895"/>
                  </a:cubicBezTo>
                  <a:cubicBezTo>
                    <a:pt x="17320" y="7020"/>
                    <a:pt x="12533" y="5078"/>
                    <a:pt x="7745" y="3148"/>
                  </a:cubicBezTo>
                  <a:cubicBezTo>
                    <a:pt x="5167" y="2087"/>
                    <a:pt x="2590" y="1038"/>
                    <a:pt x="1" y="1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2" name="Google Shape;182;p24"/>
            <p:cNvSpPr/>
            <p:nvPr/>
          </p:nvSpPr>
          <p:spPr>
            <a:xfrm>
              <a:off x="3755875" y="2058325"/>
              <a:ext cx="1755400" cy="655075"/>
            </a:xfrm>
            <a:custGeom>
              <a:avLst/>
              <a:gdLst/>
              <a:ahLst/>
              <a:cxnLst/>
              <a:rect l="l" t="t" r="r" b="b"/>
              <a:pathLst>
                <a:path w="70216" h="26203" extrusionOk="0">
                  <a:moveTo>
                    <a:pt x="0" y="0"/>
                  </a:moveTo>
                  <a:lnTo>
                    <a:pt x="45" y="11"/>
                  </a:lnTo>
                  <a:cubicBezTo>
                    <a:pt x="67" y="23"/>
                    <a:pt x="101" y="34"/>
                    <a:pt x="145" y="45"/>
                  </a:cubicBezTo>
                  <a:cubicBezTo>
                    <a:pt x="179" y="56"/>
                    <a:pt x="223" y="78"/>
                    <a:pt x="268" y="101"/>
                  </a:cubicBezTo>
                  <a:cubicBezTo>
                    <a:pt x="4397" y="1730"/>
                    <a:pt x="53722" y="21237"/>
                    <a:pt x="65584" y="26203"/>
                  </a:cubicBezTo>
                  <a:lnTo>
                    <a:pt x="70216" y="23971"/>
                  </a:lnTo>
                  <a:cubicBezTo>
                    <a:pt x="70216" y="23971"/>
                    <a:pt x="1786" y="435"/>
                    <a:pt x="547" y="101"/>
                  </a:cubicBezTo>
                  <a:cubicBezTo>
                    <a:pt x="368" y="56"/>
                    <a:pt x="190" y="23"/>
                    <a:pt x="0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3" name="Google Shape;183;p24"/>
            <p:cNvSpPr/>
            <p:nvPr/>
          </p:nvSpPr>
          <p:spPr>
            <a:xfrm>
              <a:off x="4591700" y="2589400"/>
              <a:ext cx="143425" cy="96075"/>
            </a:xfrm>
            <a:custGeom>
              <a:avLst/>
              <a:gdLst/>
              <a:ahLst/>
              <a:cxnLst/>
              <a:rect l="l" t="t" r="r" b="b"/>
              <a:pathLst>
                <a:path w="5737" h="3843" extrusionOk="0">
                  <a:moveTo>
                    <a:pt x="4302" y="0"/>
                  </a:moveTo>
                  <a:cubicBezTo>
                    <a:pt x="3797" y="0"/>
                    <a:pt x="3252" y="246"/>
                    <a:pt x="2947" y="395"/>
                  </a:cubicBezTo>
                  <a:cubicBezTo>
                    <a:pt x="492" y="1578"/>
                    <a:pt x="1" y="2248"/>
                    <a:pt x="46" y="2873"/>
                  </a:cubicBezTo>
                  <a:cubicBezTo>
                    <a:pt x="102" y="3583"/>
                    <a:pt x="486" y="3842"/>
                    <a:pt x="1033" y="3842"/>
                  </a:cubicBezTo>
                  <a:cubicBezTo>
                    <a:pt x="1673" y="3842"/>
                    <a:pt x="2536" y="3488"/>
                    <a:pt x="3360" y="3085"/>
                  </a:cubicBezTo>
                  <a:cubicBezTo>
                    <a:pt x="3929" y="2806"/>
                    <a:pt x="5737" y="2002"/>
                    <a:pt x="5335" y="775"/>
                  </a:cubicBezTo>
                  <a:cubicBezTo>
                    <a:pt x="5144" y="184"/>
                    <a:pt x="4738" y="0"/>
                    <a:pt x="4302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4" name="Google Shape;184;p24"/>
            <p:cNvSpPr/>
            <p:nvPr/>
          </p:nvSpPr>
          <p:spPr>
            <a:xfrm>
              <a:off x="4261675" y="2422550"/>
              <a:ext cx="143150" cy="95975"/>
            </a:xfrm>
            <a:custGeom>
              <a:avLst/>
              <a:gdLst/>
              <a:ahLst/>
              <a:cxnLst/>
              <a:rect l="l" t="t" r="r" b="b"/>
              <a:pathLst>
                <a:path w="5726" h="3839" extrusionOk="0">
                  <a:moveTo>
                    <a:pt x="4300" y="1"/>
                  </a:moveTo>
                  <a:cubicBezTo>
                    <a:pt x="3794" y="1"/>
                    <a:pt x="3246" y="247"/>
                    <a:pt x="2935" y="396"/>
                  </a:cubicBezTo>
                  <a:cubicBezTo>
                    <a:pt x="480" y="1579"/>
                    <a:pt x="0" y="2249"/>
                    <a:pt x="45" y="2873"/>
                  </a:cubicBezTo>
                  <a:cubicBezTo>
                    <a:pt x="101" y="3581"/>
                    <a:pt x="481" y="3839"/>
                    <a:pt x="1023" y="3839"/>
                  </a:cubicBezTo>
                  <a:cubicBezTo>
                    <a:pt x="1660" y="3839"/>
                    <a:pt x="2522" y="3483"/>
                    <a:pt x="3348" y="3085"/>
                  </a:cubicBezTo>
                  <a:cubicBezTo>
                    <a:pt x="3928" y="2806"/>
                    <a:pt x="5725" y="2003"/>
                    <a:pt x="5334" y="775"/>
                  </a:cubicBezTo>
                  <a:cubicBezTo>
                    <a:pt x="5143" y="185"/>
                    <a:pt x="4737" y="1"/>
                    <a:pt x="4300" y="1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5" name="Google Shape;185;p24"/>
            <p:cNvSpPr/>
            <p:nvPr/>
          </p:nvSpPr>
          <p:spPr>
            <a:xfrm>
              <a:off x="3936100" y="2259075"/>
              <a:ext cx="133650" cy="89475"/>
            </a:xfrm>
            <a:custGeom>
              <a:avLst/>
              <a:gdLst/>
              <a:ahLst/>
              <a:cxnLst/>
              <a:rect l="l" t="t" r="r" b="b"/>
              <a:pathLst>
                <a:path w="5346" h="3579" extrusionOk="0">
                  <a:moveTo>
                    <a:pt x="4000" y="1"/>
                  </a:moveTo>
                  <a:cubicBezTo>
                    <a:pt x="3530" y="1"/>
                    <a:pt x="3021" y="230"/>
                    <a:pt x="2734" y="373"/>
                  </a:cubicBezTo>
                  <a:cubicBezTo>
                    <a:pt x="446" y="1467"/>
                    <a:pt x="0" y="2092"/>
                    <a:pt x="45" y="2683"/>
                  </a:cubicBezTo>
                  <a:cubicBezTo>
                    <a:pt x="96" y="3339"/>
                    <a:pt x="449" y="3579"/>
                    <a:pt x="953" y="3579"/>
                  </a:cubicBezTo>
                  <a:cubicBezTo>
                    <a:pt x="1548" y="3579"/>
                    <a:pt x="2352" y="3247"/>
                    <a:pt x="3125" y="2873"/>
                  </a:cubicBezTo>
                  <a:cubicBezTo>
                    <a:pt x="3660" y="2616"/>
                    <a:pt x="5345" y="1869"/>
                    <a:pt x="4966" y="730"/>
                  </a:cubicBezTo>
                  <a:cubicBezTo>
                    <a:pt x="4789" y="175"/>
                    <a:pt x="4410" y="1"/>
                    <a:pt x="4000" y="1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6" name="Google Shape;186;p24"/>
            <p:cNvSpPr/>
            <p:nvPr/>
          </p:nvSpPr>
          <p:spPr>
            <a:xfrm>
              <a:off x="4772500" y="2433775"/>
              <a:ext cx="415150" cy="324825"/>
            </a:xfrm>
            <a:custGeom>
              <a:avLst/>
              <a:gdLst/>
              <a:ahLst/>
              <a:cxnLst/>
              <a:rect l="l" t="t" r="r" b="b"/>
              <a:pathLst>
                <a:path w="16606" h="12993" extrusionOk="0">
                  <a:moveTo>
                    <a:pt x="12752" y="0"/>
                  </a:moveTo>
                  <a:cubicBezTo>
                    <a:pt x="12702" y="0"/>
                    <a:pt x="12655" y="1"/>
                    <a:pt x="12610" y="3"/>
                  </a:cubicBezTo>
                  <a:cubicBezTo>
                    <a:pt x="11829" y="25"/>
                    <a:pt x="11059" y="114"/>
                    <a:pt x="9352" y="840"/>
                  </a:cubicBezTo>
                  <a:cubicBezTo>
                    <a:pt x="8303" y="1275"/>
                    <a:pt x="6886" y="1956"/>
                    <a:pt x="4899" y="3005"/>
                  </a:cubicBezTo>
                  <a:cubicBezTo>
                    <a:pt x="3248" y="3875"/>
                    <a:pt x="0" y="5449"/>
                    <a:pt x="268" y="8584"/>
                  </a:cubicBezTo>
                  <a:cubicBezTo>
                    <a:pt x="313" y="9098"/>
                    <a:pt x="435" y="9611"/>
                    <a:pt x="636" y="10091"/>
                  </a:cubicBezTo>
                  <a:cubicBezTo>
                    <a:pt x="1476" y="12221"/>
                    <a:pt x="2757" y="12992"/>
                    <a:pt x="4420" y="12992"/>
                  </a:cubicBezTo>
                  <a:cubicBezTo>
                    <a:pt x="6008" y="12992"/>
                    <a:pt x="7944" y="12290"/>
                    <a:pt x="10178" y="11397"/>
                  </a:cubicBezTo>
                  <a:cubicBezTo>
                    <a:pt x="11907" y="10705"/>
                    <a:pt x="14630" y="9935"/>
                    <a:pt x="15836" y="7803"/>
                  </a:cubicBezTo>
                  <a:cubicBezTo>
                    <a:pt x="16371" y="6855"/>
                    <a:pt x="16606" y="5638"/>
                    <a:pt x="16315" y="4043"/>
                  </a:cubicBezTo>
                  <a:cubicBezTo>
                    <a:pt x="15667" y="388"/>
                    <a:pt x="13735" y="0"/>
                    <a:pt x="12752" y="0"/>
                  </a:cubicBezTo>
                  <a:close/>
                </a:path>
              </a:pathLst>
            </a:custGeom>
            <a:solidFill>
              <a:srgbClr val="FFB28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7" name="Google Shape;187;p24"/>
            <p:cNvSpPr/>
            <p:nvPr/>
          </p:nvSpPr>
          <p:spPr>
            <a:xfrm>
              <a:off x="4779200" y="2433775"/>
              <a:ext cx="408450" cy="324825"/>
            </a:xfrm>
            <a:custGeom>
              <a:avLst/>
              <a:gdLst/>
              <a:ahLst/>
              <a:cxnLst/>
              <a:rect l="l" t="t" r="r" b="b"/>
              <a:pathLst>
                <a:path w="16338" h="12993" extrusionOk="0">
                  <a:moveTo>
                    <a:pt x="12495" y="0"/>
                  </a:moveTo>
                  <a:cubicBezTo>
                    <a:pt x="12445" y="0"/>
                    <a:pt x="12398" y="1"/>
                    <a:pt x="12354" y="3"/>
                  </a:cubicBezTo>
                  <a:cubicBezTo>
                    <a:pt x="11561" y="25"/>
                    <a:pt x="10802" y="114"/>
                    <a:pt x="9084" y="840"/>
                  </a:cubicBezTo>
                  <a:cubicBezTo>
                    <a:pt x="15423" y="4176"/>
                    <a:pt x="10211" y="9890"/>
                    <a:pt x="5837" y="10560"/>
                  </a:cubicBezTo>
                  <a:cubicBezTo>
                    <a:pt x="5345" y="10636"/>
                    <a:pt x="4891" y="10670"/>
                    <a:pt x="4471" y="10670"/>
                  </a:cubicBezTo>
                  <a:cubicBezTo>
                    <a:pt x="1378" y="10670"/>
                    <a:pt x="157" y="8840"/>
                    <a:pt x="0" y="8584"/>
                  </a:cubicBezTo>
                  <a:lnTo>
                    <a:pt x="0" y="8584"/>
                  </a:lnTo>
                  <a:cubicBezTo>
                    <a:pt x="45" y="9098"/>
                    <a:pt x="167" y="9611"/>
                    <a:pt x="368" y="10091"/>
                  </a:cubicBezTo>
                  <a:cubicBezTo>
                    <a:pt x="1208" y="12221"/>
                    <a:pt x="2489" y="12992"/>
                    <a:pt x="4152" y="12992"/>
                  </a:cubicBezTo>
                  <a:cubicBezTo>
                    <a:pt x="5740" y="12992"/>
                    <a:pt x="7676" y="12290"/>
                    <a:pt x="9910" y="11397"/>
                  </a:cubicBezTo>
                  <a:cubicBezTo>
                    <a:pt x="11639" y="10705"/>
                    <a:pt x="14362" y="9935"/>
                    <a:pt x="15568" y="7803"/>
                  </a:cubicBezTo>
                  <a:cubicBezTo>
                    <a:pt x="16103" y="6855"/>
                    <a:pt x="16338" y="5638"/>
                    <a:pt x="16059" y="4043"/>
                  </a:cubicBezTo>
                  <a:cubicBezTo>
                    <a:pt x="15400" y="388"/>
                    <a:pt x="13477" y="0"/>
                    <a:pt x="12495" y="0"/>
                  </a:cubicBezTo>
                  <a:close/>
                </a:path>
              </a:pathLst>
            </a:custGeom>
            <a:solidFill>
              <a:srgbClr val="F5A276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8" name="Google Shape;188;p24"/>
            <p:cNvSpPr/>
            <p:nvPr/>
          </p:nvSpPr>
          <p:spPr>
            <a:xfrm>
              <a:off x="5006275" y="2448350"/>
              <a:ext cx="163250" cy="211775"/>
            </a:xfrm>
            <a:custGeom>
              <a:avLst/>
              <a:gdLst/>
              <a:ahLst/>
              <a:cxnLst/>
              <a:rect l="l" t="t" r="r" b="b"/>
              <a:pathLst>
                <a:path w="6530" h="8471" extrusionOk="0">
                  <a:moveTo>
                    <a:pt x="3271" y="0"/>
                  </a:moveTo>
                  <a:cubicBezTo>
                    <a:pt x="1463" y="0"/>
                    <a:pt x="1" y="1897"/>
                    <a:pt x="1" y="4241"/>
                  </a:cubicBezTo>
                  <a:cubicBezTo>
                    <a:pt x="1" y="6573"/>
                    <a:pt x="1463" y="8470"/>
                    <a:pt x="3271" y="8470"/>
                  </a:cubicBezTo>
                  <a:cubicBezTo>
                    <a:pt x="5067" y="8470"/>
                    <a:pt x="6529" y="6573"/>
                    <a:pt x="6529" y="4241"/>
                  </a:cubicBezTo>
                  <a:cubicBezTo>
                    <a:pt x="6529" y="1897"/>
                    <a:pt x="5067" y="0"/>
                    <a:pt x="3271" y="0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9" name="Google Shape;189;p24"/>
            <p:cNvSpPr/>
            <p:nvPr/>
          </p:nvSpPr>
          <p:spPr>
            <a:xfrm>
              <a:off x="5015775" y="2460625"/>
              <a:ext cx="144250" cy="187225"/>
            </a:xfrm>
            <a:custGeom>
              <a:avLst/>
              <a:gdLst/>
              <a:ahLst/>
              <a:cxnLst/>
              <a:rect l="l" t="t" r="r" b="b"/>
              <a:pathLst>
                <a:path w="5770" h="7489" extrusionOk="0">
                  <a:moveTo>
                    <a:pt x="2891" y="0"/>
                  </a:moveTo>
                  <a:cubicBezTo>
                    <a:pt x="1295" y="0"/>
                    <a:pt x="0" y="1674"/>
                    <a:pt x="0" y="3750"/>
                  </a:cubicBezTo>
                  <a:cubicBezTo>
                    <a:pt x="0" y="5814"/>
                    <a:pt x="1295" y="7488"/>
                    <a:pt x="2891" y="7488"/>
                  </a:cubicBezTo>
                  <a:cubicBezTo>
                    <a:pt x="4486" y="7488"/>
                    <a:pt x="5770" y="5814"/>
                    <a:pt x="5770" y="3750"/>
                  </a:cubicBezTo>
                  <a:cubicBezTo>
                    <a:pt x="5770" y="1674"/>
                    <a:pt x="4486" y="0"/>
                    <a:pt x="2891" y="0"/>
                  </a:cubicBezTo>
                  <a:close/>
                </a:path>
              </a:pathLst>
            </a:custGeom>
            <a:solidFill>
              <a:srgbClr val="1C4587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</p:grpSp>
      <p:sp>
        <p:nvSpPr>
          <p:cNvPr id="190" name="Google Shape;190;p24"/>
          <p:cNvSpPr txBox="1">
            <a:spLocks noGrp="1"/>
          </p:cNvSpPr>
          <p:nvPr>
            <p:ph type="subTitle" idx="1"/>
          </p:nvPr>
        </p:nvSpPr>
        <p:spPr>
          <a:xfrm>
            <a:off x="719999" y="2835274"/>
            <a:ext cx="3445557" cy="1499301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>
                <a:solidFill>
                  <a:srgbClr val="FCFAFA"/>
                </a:solidFill>
              </a:rPr>
              <a:t>01/11/2021</a:t>
            </a:r>
            <a:endParaRPr lang="en-US"/>
          </a:p>
          <a:p>
            <a:pPr marL="0" indent="0"/>
            <a:endParaRPr lang="en"/>
          </a:p>
        </p:txBody>
      </p:sp>
      <p:sp>
        <p:nvSpPr>
          <p:cNvPr id="191" name="Google Shape;191;p24"/>
          <p:cNvSpPr txBox="1">
            <a:spLocks noGrp="1"/>
          </p:cNvSpPr>
          <p:nvPr>
            <p:ph type="ctrTitle"/>
          </p:nvPr>
        </p:nvSpPr>
        <p:spPr>
          <a:xfrm>
            <a:off x="657225" y="887450"/>
            <a:ext cx="4517400" cy="20526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dirty="0"/>
              <a:t>ME FYP Progress Report</a:t>
            </a:r>
            <a:endParaRPr dirty="0"/>
          </a:p>
        </p:txBody>
      </p:sp>
      <p:sp>
        <p:nvSpPr>
          <p:cNvPr id="78" name="TextBox 77">
            <a:extLst>
              <a:ext uri="{FF2B5EF4-FFF2-40B4-BE49-F238E27FC236}">
                <a16:creationId xmlns:a16="http://schemas.microsoft.com/office/drawing/2014/main" id="{88189CBE-F169-410F-BA39-AA9EBBCC7CA7}"/>
              </a:ext>
            </a:extLst>
          </p:cNvPr>
          <p:cNvSpPr txBox="1"/>
          <p:nvPr/>
        </p:nvSpPr>
        <p:spPr>
          <a:xfrm>
            <a:off x="814578" y="3340608"/>
            <a:ext cx="2354086" cy="738664"/>
          </a:xfrm>
          <a:prstGeom prst="rect">
            <a:avLst/>
          </a:prstGeom>
          <a:solidFill>
            <a:schemeClr val="tx2"/>
          </a:solidFill>
        </p:spPr>
        <p:txBody>
          <a:bodyPr wrap="square">
            <a:sp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HK">
                <a:solidFill>
                  <a:schemeClr val="tx1"/>
                </a:solidFill>
              </a:rPr>
              <a:t>Cheung Hiu Ching, Athena</a:t>
            </a:r>
          </a:p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HK">
                <a:solidFill>
                  <a:schemeClr val="tx1"/>
                </a:solidFill>
              </a:rPr>
              <a:t>Fung Ka Chun, Tim</a:t>
            </a:r>
          </a:p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HK">
                <a:solidFill>
                  <a:schemeClr val="tx1"/>
                </a:solidFill>
              </a:rPr>
              <a:t>Liu Sum Yin, Kylie</a:t>
            </a:r>
          </a:p>
        </p:txBody>
      </p:sp>
      <p:pic>
        <p:nvPicPr>
          <p:cNvPr id="79" name="Picture 78" descr="A picture containing logo&#10;&#10;Description automatically generated">
            <a:extLst>
              <a:ext uri="{FF2B5EF4-FFF2-40B4-BE49-F238E27FC236}">
                <a16:creationId xmlns:a16="http://schemas.microsoft.com/office/drawing/2014/main" id="{015F99EA-4662-470B-913A-9A9B570696E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33966" y="3578926"/>
            <a:ext cx="1941885" cy="1353158"/>
          </a:xfrm>
          <a:prstGeom prst="rect">
            <a:avLst/>
          </a:prstGeom>
        </p:spPr>
      </p:pic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9" name="Google Shape;299;p29"/>
          <p:cNvSpPr/>
          <p:nvPr/>
        </p:nvSpPr>
        <p:spPr>
          <a:xfrm rot="1078646" flipH="1">
            <a:off x="6402437" y="397425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sp>
        <p:nvSpPr>
          <p:cNvPr id="306" name="Google Shape;306;p29"/>
          <p:cNvSpPr/>
          <p:nvPr/>
        </p:nvSpPr>
        <p:spPr>
          <a:xfrm rot="-1078646">
            <a:off x="-10288" y="403140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sp>
        <p:nvSpPr>
          <p:cNvPr id="8" name="Google Shape;298;p29">
            <a:extLst>
              <a:ext uri="{FF2B5EF4-FFF2-40B4-BE49-F238E27FC236}">
                <a16:creationId xmlns:a16="http://schemas.microsoft.com/office/drawing/2014/main" id="{9046F948-9F0A-41AA-BB73-A9D296B66A93}"/>
              </a:ext>
            </a:extLst>
          </p:cNvPr>
          <p:cNvSpPr txBox="1">
            <a:spLocks/>
          </p:cNvSpPr>
          <p:nvPr/>
        </p:nvSpPr>
        <p:spPr>
          <a:xfrm>
            <a:off x="120665" y="893006"/>
            <a:ext cx="8550419" cy="577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dvent Pro Medium"/>
              <a:buNone/>
              <a:defRPr sz="3000" b="0" i="0" u="none" strike="noStrike" cap="none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1pPr>
            <a:lvl2pPr marR="0" lvl="1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2pPr>
            <a:lvl3pPr marR="0" lvl="2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3pPr>
            <a:lvl4pPr marR="0" lvl="3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4pPr>
            <a:lvl5pPr marR="0" lvl="4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5pPr>
            <a:lvl6pPr marR="0" lvl="5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6pPr>
            <a:lvl7pPr marR="0" lvl="6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7pPr>
            <a:lvl8pPr marR="0" lvl="7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8pPr>
            <a:lvl9pPr marR="0" lvl="8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9pPr>
          </a:lstStyle>
          <a:p>
            <a:r>
              <a:rPr lang="en-US"/>
              <a:t>Current progress: Selection of the wings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7749C3DD-703D-4EAF-89EC-48CE5C84E05A}"/>
              </a:ext>
            </a:extLst>
          </p:cNvPr>
          <p:cNvSpPr txBox="1"/>
          <p:nvPr/>
        </p:nvSpPr>
        <p:spPr>
          <a:xfrm>
            <a:off x="593895" y="1704299"/>
            <a:ext cx="7603958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/>
              <a:t>Clark Y airfoil </a:t>
            </a:r>
          </a:p>
          <a:p>
            <a:pPr marL="285750" indent="-285750">
              <a:buFontTx/>
              <a:buChar char="-"/>
            </a:pPr>
            <a:r>
              <a:rPr lang="en-US" sz="1800" b="0" i="0">
                <a:solidFill>
                  <a:srgbClr val="202124"/>
                </a:solidFill>
                <a:effectLst/>
                <a:latin typeface="arial" panose="020B0604020202020204" pitchFamily="34" charset="0"/>
              </a:rPr>
              <a:t>Reasonable overall performance in respect of its lift-to-drag ratio </a:t>
            </a:r>
          </a:p>
          <a:p>
            <a:pPr marL="285750" indent="-285750">
              <a:buFontTx/>
              <a:buChar char="-"/>
            </a:pPr>
            <a:r>
              <a:rPr lang="en-US" sz="1800">
                <a:solidFill>
                  <a:srgbClr val="202124"/>
                </a:solidFill>
                <a:latin typeface="arial" panose="020B0604020202020204" pitchFamily="34" charset="0"/>
              </a:rPr>
              <a:t>Flat lower surface </a:t>
            </a:r>
            <a:r>
              <a:rPr lang="en-US" sz="1800">
                <a:solidFill>
                  <a:srgbClr val="202124"/>
                </a:solidFill>
                <a:latin typeface="arial" panose="020B0604020202020204" pitchFamily="34" charset="0"/>
                <a:sym typeface="Wingdings" panose="05000000000000000000" pitchFamily="2" charset="2"/>
              </a:rPr>
              <a:t> easier to make with 3D printed mold</a:t>
            </a:r>
            <a:endParaRPr lang="en-US" sz="180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ED7459E-03B9-4836-AF19-C3ED60D4843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55031" y="2737976"/>
            <a:ext cx="7259053" cy="2180529"/>
          </a:xfrm>
          <a:prstGeom prst="rect">
            <a:avLst/>
          </a:prstGeom>
        </p:spPr>
      </p:pic>
      <p:pic>
        <p:nvPicPr>
          <p:cNvPr id="1027" name="Picture 3" descr="翱翔主翼升力係數- 亞拓產品售後服務- 亞拓遙控世界討論區- Powered by Discuz!">
            <a:extLst>
              <a:ext uri="{FF2B5EF4-FFF2-40B4-BE49-F238E27FC236}">
                <a16:creationId xmlns:a16="http://schemas.microsoft.com/office/drawing/2014/main" id="{1613A365-132D-4206-9B5D-9F1568D2253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84933" y="893006"/>
            <a:ext cx="2438402" cy="6334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98482838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3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9" name="Google Shape;359;p31"/>
          <p:cNvSpPr txBox="1">
            <a:spLocks noGrp="1"/>
          </p:cNvSpPr>
          <p:nvPr>
            <p:ph type="ctrTitle"/>
          </p:nvPr>
        </p:nvSpPr>
        <p:spPr>
          <a:xfrm>
            <a:off x="605842" y="2880025"/>
            <a:ext cx="5067683" cy="8373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Future plan</a:t>
            </a:r>
          </a:p>
        </p:txBody>
      </p:sp>
      <p:sp>
        <p:nvSpPr>
          <p:cNvPr id="8" name="Google Shape;361;p31">
            <a:extLst>
              <a:ext uri="{FF2B5EF4-FFF2-40B4-BE49-F238E27FC236}">
                <a16:creationId xmlns:a16="http://schemas.microsoft.com/office/drawing/2014/main" id="{951ADEBE-0A15-4D5B-875A-FCB96538C1D8}"/>
              </a:ext>
            </a:extLst>
          </p:cNvPr>
          <p:cNvSpPr/>
          <p:nvPr/>
        </p:nvSpPr>
        <p:spPr>
          <a:xfrm>
            <a:off x="711596" y="917815"/>
            <a:ext cx="1445400" cy="1445400"/>
          </a:xfrm>
          <a:prstGeom prst="ellipse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9" name="Google Shape;362;p31">
            <a:extLst>
              <a:ext uri="{FF2B5EF4-FFF2-40B4-BE49-F238E27FC236}">
                <a16:creationId xmlns:a16="http://schemas.microsoft.com/office/drawing/2014/main" id="{9ADCE76D-9C70-441B-8B3F-D36DF2D78E1D}"/>
              </a:ext>
            </a:extLst>
          </p:cNvPr>
          <p:cNvSpPr txBox="1">
            <a:spLocks/>
          </p:cNvSpPr>
          <p:nvPr/>
        </p:nvSpPr>
        <p:spPr>
          <a:xfrm>
            <a:off x="888146" y="1351615"/>
            <a:ext cx="1092300" cy="577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Advent Pro Medium"/>
              <a:buNone/>
              <a:defRPr sz="6000" b="0" i="0" u="none" strike="noStrike" cap="none">
                <a:solidFill>
                  <a:schemeClr val="accent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rPr lang="en"/>
              <a:t>02</a:t>
            </a:r>
          </a:p>
        </p:txBody>
      </p:sp>
      <p:sp>
        <p:nvSpPr>
          <p:cNvPr id="12" name="Google Shape;841;p40">
            <a:extLst>
              <a:ext uri="{FF2B5EF4-FFF2-40B4-BE49-F238E27FC236}">
                <a16:creationId xmlns:a16="http://schemas.microsoft.com/office/drawing/2014/main" id="{E87C9C84-1EAE-438E-8E86-9B653CB86215}"/>
              </a:ext>
            </a:extLst>
          </p:cNvPr>
          <p:cNvSpPr/>
          <p:nvPr/>
        </p:nvSpPr>
        <p:spPr>
          <a:xfrm>
            <a:off x="6759975" y="3449825"/>
            <a:ext cx="3222475" cy="1693675"/>
          </a:xfrm>
          <a:custGeom>
            <a:avLst/>
            <a:gdLst/>
            <a:ahLst/>
            <a:cxnLst/>
            <a:rect l="l" t="t" r="r" b="b"/>
            <a:pathLst>
              <a:path w="128899" h="67747" extrusionOk="0">
                <a:moveTo>
                  <a:pt x="115472" y="0"/>
                </a:moveTo>
                <a:cubicBezTo>
                  <a:pt x="109450" y="0"/>
                  <a:pt x="104069" y="4076"/>
                  <a:pt x="102525" y="10041"/>
                </a:cubicBezTo>
                <a:cubicBezTo>
                  <a:pt x="102389" y="10027"/>
                  <a:pt x="102253" y="10027"/>
                  <a:pt x="102103" y="10027"/>
                </a:cubicBezTo>
                <a:cubicBezTo>
                  <a:pt x="96558" y="10027"/>
                  <a:pt x="93493" y="16471"/>
                  <a:pt x="96994" y="20776"/>
                </a:cubicBezTo>
                <a:cubicBezTo>
                  <a:pt x="95591" y="20789"/>
                  <a:pt x="94215" y="21034"/>
                  <a:pt x="92894" y="21498"/>
                </a:cubicBezTo>
                <a:cubicBezTo>
                  <a:pt x="90213" y="18642"/>
                  <a:pt x="86582" y="17189"/>
                  <a:pt x="82938" y="17189"/>
                </a:cubicBezTo>
                <a:cubicBezTo>
                  <a:pt x="79750" y="17189"/>
                  <a:pt x="76553" y="18301"/>
                  <a:pt x="73972" y="20558"/>
                </a:cubicBezTo>
                <a:cubicBezTo>
                  <a:pt x="72638" y="19950"/>
                  <a:pt x="71232" y="19660"/>
                  <a:pt x="69845" y="19660"/>
                </a:cubicBezTo>
                <a:cubicBezTo>
                  <a:pt x="66472" y="19660"/>
                  <a:pt x="63207" y="21376"/>
                  <a:pt x="61344" y="24427"/>
                </a:cubicBezTo>
                <a:cubicBezTo>
                  <a:pt x="59089" y="21584"/>
                  <a:pt x="55695" y="20004"/>
                  <a:pt x="52205" y="20004"/>
                </a:cubicBezTo>
                <a:cubicBezTo>
                  <a:pt x="50929" y="20004"/>
                  <a:pt x="49639" y="20215"/>
                  <a:pt x="48388" y="20653"/>
                </a:cubicBezTo>
                <a:cubicBezTo>
                  <a:pt x="43702" y="22288"/>
                  <a:pt x="40569" y="26702"/>
                  <a:pt x="40569" y="31660"/>
                </a:cubicBezTo>
                <a:cubicBezTo>
                  <a:pt x="40569" y="32409"/>
                  <a:pt x="40637" y="33172"/>
                  <a:pt x="40787" y="33922"/>
                </a:cubicBezTo>
                <a:cubicBezTo>
                  <a:pt x="37885" y="34112"/>
                  <a:pt x="35174" y="35406"/>
                  <a:pt x="33199" y="37532"/>
                </a:cubicBezTo>
                <a:cubicBezTo>
                  <a:pt x="32681" y="37790"/>
                  <a:pt x="32191" y="38090"/>
                  <a:pt x="31714" y="38403"/>
                </a:cubicBezTo>
                <a:cubicBezTo>
                  <a:pt x="30133" y="37213"/>
                  <a:pt x="28322" y="36661"/>
                  <a:pt x="26541" y="36661"/>
                </a:cubicBezTo>
                <a:cubicBezTo>
                  <a:pt x="22860" y="36661"/>
                  <a:pt x="19311" y="39019"/>
                  <a:pt x="18200" y="42967"/>
                </a:cubicBezTo>
                <a:cubicBezTo>
                  <a:pt x="13691" y="43716"/>
                  <a:pt x="10000" y="46986"/>
                  <a:pt x="8692" y="51359"/>
                </a:cubicBezTo>
                <a:cubicBezTo>
                  <a:pt x="8528" y="51345"/>
                  <a:pt x="8365" y="51345"/>
                  <a:pt x="8201" y="51345"/>
                </a:cubicBezTo>
                <a:cubicBezTo>
                  <a:pt x="3665" y="51345"/>
                  <a:pt x="1" y="55023"/>
                  <a:pt x="1" y="59546"/>
                </a:cubicBezTo>
                <a:cubicBezTo>
                  <a:pt x="1" y="64082"/>
                  <a:pt x="3665" y="67747"/>
                  <a:pt x="8201" y="67747"/>
                </a:cubicBezTo>
                <a:lnTo>
                  <a:pt x="128899" y="67747"/>
                </a:lnTo>
                <a:lnTo>
                  <a:pt x="128899" y="13392"/>
                </a:lnTo>
                <a:cubicBezTo>
                  <a:pt x="128899" y="6649"/>
                  <a:pt x="123885" y="955"/>
                  <a:pt x="117183" y="110"/>
                </a:cubicBezTo>
                <a:cubicBezTo>
                  <a:pt x="116609" y="36"/>
                  <a:pt x="116038" y="0"/>
                  <a:pt x="115472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27718616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7939329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r>
              <a:rPr lang="en"/>
              <a:t>Stages of VTOL UAV Study:</a:t>
            </a:r>
            <a:endParaRPr lang="en-US"/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34CC871-BDD7-425C-B3E7-84BDF0E829B7}"/>
              </a:ext>
            </a:extLst>
          </p:cNvPr>
          <p:cNvSpPr txBox="1"/>
          <p:nvPr/>
        </p:nvSpPr>
        <p:spPr>
          <a:xfrm>
            <a:off x="506921" y="2798527"/>
            <a:ext cx="8485632" cy="2431435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algn="ctr"/>
            <a:endParaRPr lang="en-US" sz="1800" b="1">
              <a:solidFill>
                <a:schemeClr val="accent6">
                  <a:lumMod val="10000"/>
                </a:schemeClr>
              </a:solidFill>
              <a:latin typeface="Muli"/>
              <a:cs typeface="Calibri"/>
            </a:endParaRPr>
          </a:p>
          <a:p>
            <a:pPr algn="ctr"/>
            <a:r>
              <a:rPr lang="en-US" sz="1800" b="1">
                <a:solidFill>
                  <a:schemeClr val="accent6">
                    <a:lumMod val="10000"/>
                  </a:schemeClr>
                </a:solidFill>
                <a:latin typeface="Muli"/>
                <a:cs typeface="Calibri"/>
              </a:rPr>
              <a:t>Build Skywalker X8</a:t>
            </a:r>
          </a:p>
          <a:p>
            <a:pPr algn="ctr"/>
            <a:r>
              <a:rPr lang="en-US" sz="1800">
                <a:solidFill>
                  <a:schemeClr val="bg2">
                    <a:lumMod val="75000"/>
                  </a:schemeClr>
                </a:solidFill>
                <a:latin typeface="Muli"/>
                <a:cs typeface="Calibri"/>
              </a:rPr>
              <a:t>Build the electronic parts and mechanics parts</a:t>
            </a:r>
            <a:endParaRPr lang="en-US">
              <a:solidFill>
                <a:schemeClr val="bg2"/>
              </a:solidFill>
            </a:endParaRPr>
          </a:p>
          <a:p>
            <a:pPr algn="ctr"/>
            <a:endParaRPr lang="en-US">
              <a:solidFill>
                <a:schemeClr val="bg2"/>
              </a:solidFill>
            </a:endParaRPr>
          </a:p>
          <a:p>
            <a:pPr algn="ctr"/>
            <a:endParaRPr lang="en-US">
              <a:solidFill>
                <a:schemeClr val="bg2"/>
              </a:solidFill>
            </a:endParaRPr>
          </a:p>
          <a:p>
            <a:pPr algn="ctr"/>
            <a:r>
              <a:rPr lang="en-US" sz="1800" b="1">
                <a:solidFill>
                  <a:schemeClr val="accent6">
                    <a:lumMod val="10000"/>
                  </a:schemeClr>
                </a:solidFill>
                <a:latin typeface="Muli"/>
                <a:cs typeface="Calibri"/>
              </a:rPr>
              <a:t>Fly Skywalker X8</a:t>
            </a:r>
          </a:p>
          <a:p>
            <a:pPr algn="ctr"/>
            <a:r>
              <a:rPr lang="en-US" sz="1800">
                <a:solidFill>
                  <a:schemeClr val="bg2">
                    <a:lumMod val="75000"/>
                  </a:schemeClr>
                </a:solidFill>
                <a:latin typeface="Muli"/>
                <a:cs typeface="Calibri"/>
              </a:rPr>
              <a:t>Prove its performance and collect relative data</a:t>
            </a:r>
            <a:endParaRPr lang="en-US">
              <a:solidFill>
                <a:schemeClr val="bg2">
                  <a:lumMod val="75000"/>
                </a:schemeClr>
              </a:solidFill>
            </a:endParaRPr>
          </a:p>
          <a:p>
            <a:pPr algn="ctr"/>
            <a:endParaRPr lang="en-US" sz="1800">
              <a:solidFill>
                <a:schemeClr val="bg2"/>
              </a:solidFill>
              <a:latin typeface="Muli"/>
              <a:cs typeface="Calibri"/>
            </a:endParaRPr>
          </a:p>
          <a:p>
            <a:pPr algn="ctr"/>
            <a:endParaRPr lang="en-HK" sz="160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Arrow: Down 1">
            <a:extLst>
              <a:ext uri="{FF2B5EF4-FFF2-40B4-BE49-F238E27FC236}">
                <a16:creationId xmlns:a16="http://schemas.microsoft.com/office/drawing/2014/main" id="{62180A23-A45D-4B7B-A298-822085B18D9A}"/>
              </a:ext>
            </a:extLst>
          </p:cNvPr>
          <p:cNvSpPr/>
          <p:nvPr/>
        </p:nvSpPr>
        <p:spPr>
          <a:xfrm>
            <a:off x="4658295" y="3737851"/>
            <a:ext cx="185739" cy="257175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EDCA11DF-12AC-4B86-B959-BA2E0C2C9108}"/>
              </a:ext>
            </a:extLst>
          </p:cNvPr>
          <p:cNvSpPr txBox="1"/>
          <p:nvPr/>
        </p:nvSpPr>
        <p:spPr>
          <a:xfrm>
            <a:off x="3371850" y="1319556"/>
            <a:ext cx="2743200" cy="646331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1800" b="1">
                <a:latin typeface="Muli"/>
              </a:rPr>
              <a:t>Select reference UAV</a:t>
            </a:r>
          </a:p>
          <a:p>
            <a:pPr algn="ctr"/>
            <a:r>
              <a:rPr lang="en-US" sz="1800">
                <a:solidFill>
                  <a:schemeClr val="bg2">
                    <a:lumMod val="75000"/>
                  </a:schemeClr>
                </a:solidFill>
                <a:latin typeface="Muli"/>
              </a:rPr>
              <a:t>Skywalker X8</a:t>
            </a:r>
          </a:p>
        </p:txBody>
      </p:sp>
      <p:sp>
        <p:nvSpPr>
          <p:cNvPr id="9" name="Arrow: Down 8">
            <a:extLst>
              <a:ext uri="{FF2B5EF4-FFF2-40B4-BE49-F238E27FC236}">
                <a16:creationId xmlns:a16="http://schemas.microsoft.com/office/drawing/2014/main" id="{C20DBE3A-0721-48A7-89E7-16048E373952}"/>
              </a:ext>
            </a:extLst>
          </p:cNvPr>
          <p:cNvSpPr/>
          <p:nvPr/>
        </p:nvSpPr>
        <p:spPr>
          <a:xfrm>
            <a:off x="4658295" y="1934568"/>
            <a:ext cx="185739" cy="257175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075B13C0-01C6-4908-A814-300A7424DDF2}"/>
              </a:ext>
            </a:extLst>
          </p:cNvPr>
          <p:cNvSpPr txBox="1"/>
          <p:nvPr/>
        </p:nvSpPr>
        <p:spPr>
          <a:xfrm>
            <a:off x="1700213" y="2242118"/>
            <a:ext cx="6107905" cy="923330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1800" b="1">
                <a:latin typeface="Muli"/>
              </a:rPr>
              <a:t>Select </a:t>
            </a:r>
            <a:r>
              <a:rPr lang="en-US" sz="1800" b="1"/>
              <a:t>component</a:t>
            </a:r>
            <a:endParaRPr lang="en-US" sz="1800" b="1">
              <a:latin typeface="Muli"/>
            </a:endParaRPr>
          </a:p>
          <a:p>
            <a:pPr algn="ctr"/>
            <a:r>
              <a:rPr lang="en-US" sz="1800">
                <a:solidFill>
                  <a:schemeClr val="bg2">
                    <a:lumMod val="75000"/>
                  </a:schemeClr>
                </a:solidFill>
              </a:rPr>
              <a:t>Calculation of the motors and learn basic electronics</a:t>
            </a:r>
            <a:endParaRPr lang="en-US" sz="1800"/>
          </a:p>
          <a:p>
            <a:pPr algn="ctr"/>
            <a:endParaRPr lang="en-US" sz="1800">
              <a:solidFill>
                <a:schemeClr val="bg2">
                  <a:lumMod val="75000"/>
                </a:schemeClr>
              </a:solidFill>
              <a:latin typeface="Muli"/>
            </a:endParaRPr>
          </a:p>
        </p:txBody>
      </p:sp>
      <p:sp>
        <p:nvSpPr>
          <p:cNvPr id="11" name="Arrow: Down 10">
            <a:extLst>
              <a:ext uri="{FF2B5EF4-FFF2-40B4-BE49-F238E27FC236}">
                <a16:creationId xmlns:a16="http://schemas.microsoft.com/office/drawing/2014/main" id="{24F7F044-6F44-4AAF-AE4A-22431A64A143}"/>
              </a:ext>
            </a:extLst>
          </p:cNvPr>
          <p:cNvSpPr/>
          <p:nvPr/>
        </p:nvSpPr>
        <p:spPr>
          <a:xfrm>
            <a:off x="4651150" y="2874477"/>
            <a:ext cx="185739" cy="257175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Arrow: Down 11">
            <a:extLst>
              <a:ext uri="{FF2B5EF4-FFF2-40B4-BE49-F238E27FC236}">
                <a16:creationId xmlns:a16="http://schemas.microsoft.com/office/drawing/2014/main" id="{034948B8-DFDF-49F4-94C9-65DB44A7FF84}"/>
              </a:ext>
            </a:extLst>
          </p:cNvPr>
          <p:cNvSpPr/>
          <p:nvPr/>
        </p:nvSpPr>
        <p:spPr>
          <a:xfrm>
            <a:off x="4651150" y="4658369"/>
            <a:ext cx="185739" cy="257175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Picture 7">
            <a:extLst>
              <a:ext uri="{FF2B5EF4-FFF2-40B4-BE49-F238E27FC236}">
                <a16:creationId xmlns:a16="http://schemas.microsoft.com/office/drawing/2014/main" id="{9D25B096-5440-4350-88CF-2DE56F6B75A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53619" y="1005355"/>
            <a:ext cx="2743200" cy="14104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986004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34CC871-BDD7-425C-B3E7-84BDF0E829B7}"/>
              </a:ext>
            </a:extLst>
          </p:cNvPr>
          <p:cNvSpPr txBox="1"/>
          <p:nvPr/>
        </p:nvSpPr>
        <p:spPr>
          <a:xfrm>
            <a:off x="285464" y="1244252"/>
            <a:ext cx="8485632" cy="4154984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algn="ctr"/>
            <a:endParaRPr lang="en-US">
              <a:solidFill>
                <a:schemeClr val="bg2"/>
              </a:solidFill>
            </a:endParaRPr>
          </a:p>
          <a:p>
            <a:pPr algn="ctr"/>
            <a:r>
              <a:rPr lang="en-US" sz="1800" b="1">
                <a:solidFill>
                  <a:schemeClr val="accent6">
                    <a:lumMod val="10000"/>
                  </a:schemeClr>
                </a:solidFill>
                <a:latin typeface="Muli"/>
                <a:cs typeface="Calibri"/>
              </a:rPr>
              <a:t>Design CF </a:t>
            </a:r>
            <a:r>
              <a:rPr lang="en-US" sz="1800" b="1">
                <a:solidFill>
                  <a:schemeClr val="accent6">
                    <a:lumMod val="10000"/>
                  </a:schemeClr>
                </a:solidFill>
              </a:rPr>
              <a:t>VTOL UAV</a:t>
            </a:r>
            <a:endParaRPr lang="en-US" sz="1800">
              <a:solidFill>
                <a:schemeClr val="accent6">
                  <a:lumMod val="10000"/>
                </a:schemeClr>
              </a:solidFill>
            </a:endParaRPr>
          </a:p>
          <a:p>
            <a:pPr algn="ctr"/>
            <a:r>
              <a:rPr lang="en-US" sz="1800">
                <a:solidFill>
                  <a:schemeClr val="bg2">
                    <a:lumMod val="75000"/>
                  </a:schemeClr>
                </a:solidFill>
                <a:latin typeface="Muli"/>
                <a:cs typeface="Calibri"/>
                <a:sym typeface="Wingdings" panose="05000000000000000000" pitchFamily="2" charset="2"/>
              </a:rPr>
              <a:t>3D scanning &amp; 3D CAD drawing</a:t>
            </a:r>
            <a:endParaRPr lang="en-US" sz="1800">
              <a:solidFill>
                <a:schemeClr val="bg2">
                  <a:lumMod val="75000"/>
                </a:schemeClr>
              </a:solidFill>
              <a:latin typeface="Muli"/>
              <a:cs typeface="Calibri" panose="020F0502020204030204" pitchFamily="34" charset="0"/>
            </a:endParaRPr>
          </a:p>
          <a:p>
            <a:pPr algn="ctr"/>
            <a:endParaRPr lang="en-US" sz="1800">
              <a:solidFill>
                <a:schemeClr val="bg2"/>
              </a:solidFill>
              <a:latin typeface="Muli"/>
              <a:cs typeface="Calibri"/>
            </a:endParaRPr>
          </a:p>
          <a:p>
            <a:pPr algn="ctr"/>
            <a:endParaRPr lang="en-US" sz="1800">
              <a:solidFill>
                <a:schemeClr val="bg2"/>
              </a:solidFill>
              <a:latin typeface="Muli"/>
              <a:cs typeface="Calibri"/>
            </a:endParaRPr>
          </a:p>
          <a:p>
            <a:pPr algn="ctr"/>
            <a:r>
              <a:rPr lang="en-US" sz="1800" b="1">
                <a:solidFill>
                  <a:schemeClr val="accent6">
                    <a:lumMod val="10000"/>
                  </a:schemeClr>
                </a:solidFill>
                <a:latin typeface="Muli"/>
                <a:cs typeface="Calibri"/>
              </a:rPr>
              <a:t> CF VTOL UAV </a:t>
            </a:r>
            <a:r>
              <a:rPr lang="en-US" sz="1800" b="1">
                <a:solidFill>
                  <a:schemeClr val="accent6">
                    <a:lumMod val="10000"/>
                  </a:schemeClr>
                </a:solidFill>
              </a:rPr>
              <a:t>Simulation + Calculation</a:t>
            </a:r>
          </a:p>
          <a:p>
            <a:pPr algn="ctr"/>
            <a:r>
              <a:rPr lang="en-US" sz="1800" err="1">
                <a:solidFill>
                  <a:schemeClr val="bg2">
                    <a:lumMod val="75000"/>
                  </a:schemeClr>
                </a:solidFill>
                <a:latin typeface="Muli"/>
                <a:cs typeface="Calibri"/>
              </a:rPr>
              <a:t>Solidworks</a:t>
            </a:r>
            <a:r>
              <a:rPr lang="en-US" sz="1800">
                <a:solidFill>
                  <a:schemeClr val="bg2">
                    <a:lumMod val="75000"/>
                  </a:schemeClr>
                </a:solidFill>
                <a:latin typeface="Muli"/>
                <a:cs typeface="Calibri"/>
              </a:rPr>
              <a:t>/</a:t>
            </a:r>
            <a:r>
              <a:rPr lang="en-US" sz="1800">
                <a:solidFill>
                  <a:schemeClr val="bg2">
                    <a:lumMod val="75000"/>
                  </a:schemeClr>
                </a:solidFill>
              </a:rPr>
              <a:t>ANSYS</a:t>
            </a:r>
          </a:p>
          <a:p>
            <a:pPr algn="ctr"/>
            <a:endParaRPr lang="en-US" sz="1800">
              <a:solidFill>
                <a:schemeClr val="bg2"/>
              </a:solidFill>
              <a:latin typeface="Muli"/>
              <a:cs typeface="Calibri"/>
            </a:endParaRPr>
          </a:p>
          <a:p>
            <a:pPr algn="ctr"/>
            <a:endParaRPr lang="en-US" sz="1800">
              <a:solidFill>
                <a:schemeClr val="bg2"/>
              </a:solidFill>
              <a:latin typeface="Muli"/>
              <a:cs typeface="Calibri"/>
            </a:endParaRPr>
          </a:p>
          <a:p>
            <a:pPr algn="ctr"/>
            <a:r>
              <a:rPr lang="en-US" sz="1800" b="1">
                <a:solidFill>
                  <a:schemeClr val="accent6">
                    <a:lumMod val="10000"/>
                  </a:schemeClr>
                </a:solidFill>
                <a:latin typeface="Muli"/>
                <a:cs typeface="Calibri"/>
              </a:rPr>
              <a:t>Confirm final design and </a:t>
            </a:r>
            <a:r>
              <a:rPr lang="en-US" sz="1800" b="1"/>
              <a:t>fabricate using molding</a:t>
            </a:r>
            <a:r>
              <a:rPr lang="en-US" sz="1800"/>
              <a:t> </a:t>
            </a:r>
          </a:p>
          <a:p>
            <a:pPr algn="ctr"/>
            <a:endParaRPr lang="en-US" sz="1800">
              <a:solidFill>
                <a:schemeClr val="bg2"/>
              </a:solidFill>
              <a:latin typeface="Muli"/>
              <a:cs typeface="Calibri"/>
            </a:endParaRPr>
          </a:p>
          <a:p>
            <a:pPr algn="ctr"/>
            <a:endParaRPr lang="en-US" sz="1800">
              <a:solidFill>
                <a:schemeClr val="bg2"/>
              </a:solidFill>
              <a:latin typeface="Muli"/>
              <a:cs typeface="Calibri"/>
            </a:endParaRPr>
          </a:p>
          <a:p>
            <a:pPr algn="ctr"/>
            <a:r>
              <a:rPr lang="en-US" sz="1800" b="1">
                <a:solidFill>
                  <a:schemeClr val="accent6">
                    <a:lumMod val="10000"/>
                  </a:schemeClr>
                </a:solidFill>
                <a:latin typeface="Muli"/>
                <a:cs typeface="Calibri"/>
              </a:rPr>
              <a:t>Test and fly CF VTOL UAV</a:t>
            </a:r>
            <a:endParaRPr lang="en-US" sz="1800">
              <a:solidFill>
                <a:schemeClr val="accent6">
                  <a:lumMod val="10000"/>
                </a:schemeClr>
              </a:solidFill>
              <a:latin typeface="Muli"/>
              <a:cs typeface="Calibri"/>
            </a:endParaRPr>
          </a:p>
          <a:p>
            <a:pPr algn="ctr"/>
            <a:r>
              <a:rPr lang="en-US" sz="1800">
                <a:solidFill>
                  <a:schemeClr val="bg2">
                    <a:lumMod val="75000"/>
                  </a:schemeClr>
                </a:solidFill>
                <a:latin typeface="Muli"/>
                <a:cs typeface="Calibri"/>
                <a:sym typeface="Wingdings" panose="05000000000000000000" pitchFamily="2" charset="2"/>
              </a:rPr>
              <a:t>Test performance, compare the results with the </a:t>
            </a:r>
            <a:r>
              <a:rPr lang="en-US" sz="1800">
                <a:solidFill>
                  <a:schemeClr val="bg2">
                    <a:lumMod val="75000"/>
                  </a:schemeClr>
                </a:solidFill>
                <a:sym typeface="Wingdings" panose="05000000000000000000" pitchFamily="2" charset="2"/>
              </a:rPr>
              <a:t>theories</a:t>
            </a:r>
            <a:endParaRPr lang="en-US" sz="1800">
              <a:solidFill>
                <a:schemeClr val="bg2">
                  <a:lumMod val="75000"/>
                </a:schemeClr>
              </a:solidFill>
              <a:latin typeface="Muli"/>
              <a:cs typeface="Calibri"/>
            </a:endParaRPr>
          </a:p>
          <a:p>
            <a:pPr algn="ctr"/>
            <a:endParaRPr lang="en-HK" sz="160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Arrow: Down 1">
            <a:extLst>
              <a:ext uri="{FF2B5EF4-FFF2-40B4-BE49-F238E27FC236}">
                <a16:creationId xmlns:a16="http://schemas.microsoft.com/office/drawing/2014/main" id="{62180A23-A45D-4B7B-A298-822085B18D9A}"/>
              </a:ext>
            </a:extLst>
          </p:cNvPr>
          <p:cNvSpPr/>
          <p:nvPr/>
        </p:nvSpPr>
        <p:spPr>
          <a:xfrm>
            <a:off x="4479701" y="3325556"/>
            <a:ext cx="185739" cy="257175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Arrow: Down 7">
            <a:extLst>
              <a:ext uri="{FF2B5EF4-FFF2-40B4-BE49-F238E27FC236}">
                <a16:creationId xmlns:a16="http://schemas.microsoft.com/office/drawing/2014/main" id="{4B5BA223-9EE5-43DC-9F27-E3A5A1EE3501}"/>
              </a:ext>
            </a:extLst>
          </p:cNvPr>
          <p:cNvSpPr/>
          <p:nvPr/>
        </p:nvSpPr>
        <p:spPr>
          <a:xfrm>
            <a:off x="4479701" y="4097079"/>
            <a:ext cx="185739" cy="257175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Google Shape;298;p29">
            <a:extLst>
              <a:ext uri="{FF2B5EF4-FFF2-40B4-BE49-F238E27FC236}">
                <a16:creationId xmlns:a16="http://schemas.microsoft.com/office/drawing/2014/main" id="{F4F65976-681B-4A1B-ABF1-30C87D96F25B}"/>
              </a:ext>
            </a:extLst>
          </p:cNvPr>
          <p:cNvSpPr txBox="1">
            <a:spLocks/>
          </p:cNvSpPr>
          <p:nvPr/>
        </p:nvSpPr>
        <p:spPr>
          <a:xfrm>
            <a:off x="120665" y="893006"/>
            <a:ext cx="7939329" cy="577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dvent Pro Medium"/>
              <a:buNone/>
              <a:defRPr sz="3000" b="0" i="0" u="none" strike="noStrike" cap="none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1pPr>
            <a:lvl2pPr marR="0" lvl="1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2pPr>
            <a:lvl3pPr marR="0" lvl="2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3pPr>
            <a:lvl4pPr marR="0" lvl="3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4pPr>
            <a:lvl5pPr marR="0" lvl="4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5pPr>
            <a:lvl6pPr marR="0" lvl="5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6pPr>
            <a:lvl7pPr marR="0" lvl="6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7pPr>
            <a:lvl8pPr marR="0" lvl="7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8pPr>
            <a:lvl9pPr marR="0" lvl="8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9pPr>
          </a:lstStyle>
          <a:p>
            <a:r>
              <a:rPr lang="en"/>
              <a:t>Stages of VTOL UAV Study:</a:t>
            </a:r>
            <a:endParaRPr lang="en-US"/>
          </a:p>
        </p:txBody>
      </p:sp>
      <p:sp>
        <p:nvSpPr>
          <p:cNvPr id="10" name="Arrow: Curved Up 9">
            <a:extLst>
              <a:ext uri="{FF2B5EF4-FFF2-40B4-BE49-F238E27FC236}">
                <a16:creationId xmlns:a16="http://schemas.microsoft.com/office/drawing/2014/main" id="{C905B71F-0D14-412A-BBE8-5E6CE488B444}"/>
              </a:ext>
            </a:extLst>
          </p:cNvPr>
          <p:cNvSpPr/>
          <p:nvPr/>
        </p:nvSpPr>
        <p:spPr>
          <a:xfrm rot="5400000">
            <a:off x="3906774" y="2184559"/>
            <a:ext cx="364331" cy="278606"/>
          </a:xfrm>
          <a:prstGeom prst="curved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5" name="Arrow: Curved Up 14">
            <a:extLst>
              <a:ext uri="{FF2B5EF4-FFF2-40B4-BE49-F238E27FC236}">
                <a16:creationId xmlns:a16="http://schemas.microsoft.com/office/drawing/2014/main" id="{E9CC5EB9-A3AA-4CDC-8CB8-7DECB17EA5D2}"/>
              </a:ext>
            </a:extLst>
          </p:cNvPr>
          <p:cNvSpPr/>
          <p:nvPr/>
        </p:nvSpPr>
        <p:spPr>
          <a:xfrm rot="-5400000">
            <a:off x="4849749" y="2184559"/>
            <a:ext cx="364331" cy="278606"/>
          </a:xfrm>
          <a:prstGeom prst="curved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pic>
        <p:nvPicPr>
          <p:cNvPr id="3" name="Picture 3">
            <a:extLst>
              <a:ext uri="{FF2B5EF4-FFF2-40B4-BE49-F238E27FC236}">
                <a16:creationId xmlns:a16="http://schemas.microsoft.com/office/drawing/2014/main" id="{79D3ECF6-71E2-4785-BE8E-BE6044FF901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43419" y="2268941"/>
            <a:ext cx="2200275" cy="1190625"/>
          </a:xfrm>
          <a:prstGeom prst="rect">
            <a:avLst/>
          </a:prstGeom>
        </p:spPr>
      </p:pic>
      <p:pic>
        <p:nvPicPr>
          <p:cNvPr id="4" name="Picture 8">
            <a:extLst>
              <a:ext uri="{FF2B5EF4-FFF2-40B4-BE49-F238E27FC236}">
                <a16:creationId xmlns:a16="http://schemas.microsoft.com/office/drawing/2014/main" id="{D39EE87B-2AEC-4276-BF83-0118FFC3919E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6896" r="515" b="15823"/>
          <a:stretch/>
        </p:blipFill>
        <p:spPr>
          <a:xfrm>
            <a:off x="76857" y="1907627"/>
            <a:ext cx="2280120" cy="13292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27304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663931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Gantt chart (from Oct 2021 to Feb 2022)</a:t>
            </a:r>
            <a:endParaRPr/>
          </a:p>
        </p:txBody>
      </p:sp>
      <p:sp>
        <p:nvSpPr>
          <p:cNvPr id="7" name="Google Shape;841;p40">
            <a:extLst>
              <a:ext uri="{FF2B5EF4-FFF2-40B4-BE49-F238E27FC236}">
                <a16:creationId xmlns:a16="http://schemas.microsoft.com/office/drawing/2014/main" id="{24A4A2B8-8D7B-4025-925F-38B279F95EAF}"/>
              </a:ext>
            </a:extLst>
          </p:cNvPr>
          <p:cNvSpPr/>
          <p:nvPr/>
        </p:nvSpPr>
        <p:spPr>
          <a:xfrm>
            <a:off x="6759975" y="3449825"/>
            <a:ext cx="3222475" cy="1693675"/>
          </a:xfrm>
          <a:custGeom>
            <a:avLst/>
            <a:gdLst/>
            <a:ahLst/>
            <a:cxnLst/>
            <a:rect l="l" t="t" r="r" b="b"/>
            <a:pathLst>
              <a:path w="128899" h="67747" extrusionOk="0">
                <a:moveTo>
                  <a:pt x="115472" y="0"/>
                </a:moveTo>
                <a:cubicBezTo>
                  <a:pt x="109450" y="0"/>
                  <a:pt x="104069" y="4076"/>
                  <a:pt x="102525" y="10041"/>
                </a:cubicBezTo>
                <a:cubicBezTo>
                  <a:pt x="102389" y="10027"/>
                  <a:pt x="102253" y="10027"/>
                  <a:pt x="102103" y="10027"/>
                </a:cubicBezTo>
                <a:cubicBezTo>
                  <a:pt x="96558" y="10027"/>
                  <a:pt x="93493" y="16471"/>
                  <a:pt x="96994" y="20776"/>
                </a:cubicBezTo>
                <a:cubicBezTo>
                  <a:pt x="95591" y="20789"/>
                  <a:pt x="94215" y="21034"/>
                  <a:pt x="92894" y="21498"/>
                </a:cubicBezTo>
                <a:cubicBezTo>
                  <a:pt x="90213" y="18642"/>
                  <a:pt x="86582" y="17189"/>
                  <a:pt x="82938" y="17189"/>
                </a:cubicBezTo>
                <a:cubicBezTo>
                  <a:pt x="79750" y="17189"/>
                  <a:pt x="76553" y="18301"/>
                  <a:pt x="73972" y="20558"/>
                </a:cubicBezTo>
                <a:cubicBezTo>
                  <a:pt x="72638" y="19950"/>
                  <a:pt x="71232" y="19660"/>
                  <a:pt x="69845" y="19660"/>
                </a:cubicBezTo>
                <a:cubicBezTo>
                  <a:pt x="66472" y="19660"/>
                  <a:pt x="63207" y="21376"/>
                  <a:pt x="61344" y="24427"/>
                </a:cubicBezTo>
                <a:cubicBezTo>
                  <a:pt x="59089" y="21584"/>
                  <a:pt x="55695" y="20004"/>
                  <a:pt x="52205" y="20004"/>
                </a:cubicBezTo>
                <a:cubicBezTo>
                  <a:pt x="50929" y="20004"/>
                  <a:pt x="49639" y="20215"/>
                  <a:pt x="48388" y="20653"/>
                </a:cubicBezTo>
                <a:cubicBezTo>
                  <a:pt x="43702" y="22288"/>
                  <a:pt x="40569" y="26702"/>
                  <a:pt x="40569" y="31660"/>
                </a:cubicBezTo>
                <a:cubicBezTo>
                  <a:pt x="40569" y="32409"/>
                  <a:pt x="40637" y="33172"/>
                  <a:pt x="40787" y="33922"/>
                </a:cubicBezTo>
                <a:cubicBezTo>
                  <a:pt x="37885" y="34112"/>
                  <a:pt x="35174" y="35406"/>
                  <a:pt x="33199" y="37532"/>
                </a:cubicBezTo>
                <a:cubicBezTo>
                  <a:pt x="32681" y="37790"/>
                  <a:pt x="32191" y="38090"/>
                  <a:pt x="31714" y="38403"/>
                </a:cubicBezTo>
                <a:cubicBezTo>
                  <a:pt x="30133" y="37213"/>
                  <a:pt x="28322" y="36661"/>
                  <a:pt x="26541" y="36661"/>
                </a:cubicBezTo>
                <a:cubicBezTo>
                  <a:pt x="22860" y="36661"/>
                  <a:pt x="19311" y="39019"/>
                  <a:pt x="18200" y="42967"/>
                </a:cubicBezTo>
                <a:cubicBezTo>
                  <a:pt x="13691" y="43716"/>
                  <a:pt x="10000" y="46986"/>
                  <a:pt x="8692" y="51359"/>
                </a:cubicBezTo>
                <a:cubicBezTo>
                  <a:pt x="8528" y="51345"/>
                  <a:pt x="8365" y="51345"/>
                  <a:pt x="8201" y="51345"/>
                </a:cubicBezTo>
                <a:cubicBezTo>
                  <a:pt x="3665" y="51345"/>
                  <a:pt x="1" y="55023"/>
                  <a:pt x="1" y="59546"/>
                </a:cubicBezTo>
                <a:cubicBezTo>
                  <a:pt x="1" y="64082"/>
                  <a:pt x="3665" y="67747"/>
                  <a:pt x="8201" y="67747"/>
                </a:cubicBezTo>
                <a:lnTo>
                  <a:pt x="128899" y="67747"/>
                </a:lnTo>
                <a:lnTo>
                  <a:pt x="128899" y="13392"/>
                </a:lnTo>
                <a:cubicBezTo>
                  <a:pt x="128899" y="6649"/>
                  <a:pt x="123885" y="955"/>
                  <a:pt x="117183" y="110"/>
                </a:cubicBezTo>
                <a:cubicBezTo>
                  <a:pt x="116609" y="36"/>
                  <a:pt x="116038" y="0"/>
                  <a:pt x="115472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graphicFrame>
        <p:nvGraphicFramePr>
          <p:cNvPr id="2" name="Table 3">
            <a:extLst>
              <a:ext uri="{FF2B5EF4-FFF2-40B4-BE49-F238E27FC236}">
                <a16:creationId xmlns:a16="http://schemas.microsoft.com/office/drawing/2014/main" id="{BDF47525-78B1-48E8-A41E-D2E22CF5BEB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50899929"/>
              </p:ext>
            </p:extLst>
          </p:nvPr>
        </p:nvGraphicFramePr>
        <p:xfrm>
          <a:off x="196733" y="1511935"/>
          <a:ext cx="8745791" cy="3547996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1814051">
                  <a:extLst>
                    <a:ext uri="{9D8B030D-6E8A-4147-A177-3AD203B41FA5}">
                      <a16:colId xmlns:a16="http://schemas.microsoft.com/office/drawing/2014/main" val="3886444047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4162074149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696324202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1843403689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442843791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3931857894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219908876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3386664815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3364792824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1070933260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2186560168"/>
                    </a:ext>
                  </a:extLst>
                </a:gridCol>
              </a:tblGrid>
              <a:tr h="368839"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400" b="1" i="0" u="none" strike="noStrike" noProof="0">
                          <a:latin typeface="Arial"/>
                        </a:rPr>
                        <a:t>Oct W1-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400" b="1" i="0" u="none" strike="noStrike" noProof="0">
                          <a:latin typeface="Arial"/>
                        </a:rPr>
                        <a:t>Oct W3-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Nov W1-2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Nov W3-4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Dec W1-2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Dec W3-4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Jan W1-2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Jan W3-4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Feb W1-2 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Feb W3-4</a:t>
                      </a:r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47555411"/>
                  </a:ext>
                </a:extLst>
              </a:tr>
              <a:tr h="368839"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400" b="0" i="0" u="none" strike="noStrike" noProof="0">
                          <a:solidFill>
                            <a:schemeClr val="accent1">
                              <a:lumMod val="75000"/>
                            </a:schemeClr>
                          </a:solidFill>
                          <a:latin typeface="Arial"/>
                        </a:rPr>
                        <a:t>Build VTOL X8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82148949"/>
                  </a:ext>
                </a:extLst>
              </a:tr>
              <a:tr h="368839"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accent1">
                              <a:lumMod val="75000"/>
                            </a:schemeClr>
                          </a:solidFill>
                        </a:rPr>
                        <a:t>X8 fly test and data analysis </a:t>
                      </a:r>
                      <a:endParaRPr lang="en-HK">
                        <a:solidFill>
                          <a:schemeClr val="accent1">
                            <a:lumMod val="75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59594023"/>
                  </a:ext>
                </a:extLst>
              </a:tr>
              <a:tr h="374090">
                <a:tc>
                  <a:txBody>
                    <a:bodyPr/>
                    <a:lstStyle/>
                    <a:p>
                      <a:r>
                        <a:rPr lang="en-US"/>
                        <a:t>Draw CAD (CF mold)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44899891"/>
                  </a:ext>
                </a:extLst>
              </a:tr>
              <a:tr h="368839">
                <a:tc>
                  <a:txBody>
                    <a:bodyPr/>
                    <a:lstStyle/>
                    <a:p>
                      <a:r>
                        <a:rPr lang="en-US"/>
                        <a:t>Do simulation &amp; calculation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61443549"/>
                  </a:ext>
                </a:extLst>
              </a:tr>
              <a:tr h="368839">
                <a:tc>
                  <a:txBody>
                    <a:bodyPr/>
                    <a:lstStyle/>
                    <a:p>
                      <a:pPr marL="0" marR="0" lvl="0" indent="0" algn="l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</a:pPr>
                      <a:r>
                        <a:rPr lang="en-US">
                          <a:solidFill>
                            <a:srgbClr val="FF0000"/>
                          </a:solidFill>
                        </a:rPr>
                        <a:t>Make CF VTOL 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50661048"/>
                  </a:ext>
                </a:extLst>
              </a:tr>
              <a:tr h="368839"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>
                          <a:solidFill>
                            <a:srgbClr val="FF0000"/>
                          </a:solidFill>
                        </a:rPr>
                        <a:t>CF VTOL Test</a:t>
                      </a:r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39072125"/>
                  </a:ext>
                </a:extLst>
              </a:tr>
              <a:tr h="368839"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400" b="0" i="0" u="none" strike="noStrike" noProof="0">
                          <a:solidFill>
                            <a:srgbClr val="00B050"/>
                          </a:solidFill>
                          <a:latin typeface="Arial"/>
                        </a:rPr>
                        <a:t>Write interim report</a:t>
                      </a:r>
                      <a:endParaRPr lang="en-US">
                        <a:solidFill>
                          <a:srgbClr val="00B05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2437675"/>
                  </a:ext>
                </a:extLst>
              </a:tr>
            </a:tbl>
          </a:graphicData>
        </a:graphic>
      </p:graphicFrame>
      <p:sp>
        <p:nvSpPr>
          <p:cNvPr id="4" name="Arrow: Pentagon 3">
            <a:extLst>
              <a:ext uri="{FF2B5EF4-FFF2-40B4-BE49-F238E27FC236}">
                <a16:creationId xmlns:a16="http://schemas.microsoft.com/office/drawing/2014/main" id="{594FB4F1-4B24-4DDC-9BFF-24A55151C627}"/>
              </a:ext>
            </a:extLst>
          </p:cNvPr>
          <p:cNvSpPr/>
          <p:nvPr/>
        </p:nvSpPr>
        <p:spPr>
          <a:xfrm>
            <a:off x="2042651" y="2106140"/>
            <a:ext cx="1540891" cy="215536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36" name="Arrow: Pentagon 35">
            <a:extLst>
              <a:ext uri="{FF2B5EF4-FFF2-40B4-BE49-F238E27FC236}">
                <a16:creationId xmlns:a16="http://schemas.microsoft.com/office/drawing/2014/main" id="{28505004-C584-4283-ACA9-4544A76AEA1C}"/>
              </a:ext>
            </a:extLst>
          </p:cNvPr>
          <p:cNvSpPr/>
          <p:nvPr/>
        </p:nvSpPr>
        <p:spPr>
          <a:xfrm>
            <a:off x="3683554" y="2565991"/>
            <a:ext cx="1486144" cy="24393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37" name="Arrow: Pentagon 36">
            <a:extLst>
              <a:ext uri="{FF2B5EF4-FFF2-40B4-BE49-F238E27FC236}">
                <a16:creationId xmlns:a16="http://schemas.microsoft.com/office/drawing/2014/main" id="{E820FC38-20BC-482D-8698-CE08B241C470}"/>
              </a:ext>
            </a:extLst>
          </p:cNvPr>
          <p:cNvSpPr/>
          <p:nvPr/>
        </p:nvSpPr>
        <p:spPr>
          <a:xfrm>
            <a:off x="4434215" y="4043966"/>
            <a:ext cx="1754039" cy="208645"/>
          </a:xfrm>
          <a:prstGeom prst="homePlate">
            <a:avLst/>
          </a:prstGeom>
          <a:solidFill>
            <a:srgbClr val="FF6699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39" name="Arrow: Pentagon 38">
            <a:extLst>
              <a:ext uri="{FF2B5EF4-FFF2-40B4-BE49-F238E27FC236}">
                <a16:creationId xmlns:a16="http://schemas.microsoft.com/office/drawing/2014/main" id="{71784CC5-29AF-472F-BBB2-7491DF421CF8}"/>
              </a:ext>
            </a:extLst>
          </p:cNvPr>
          <p:cNvSpPr/>
          <p:nvPr/>
        </p:nvSpPr>
        <p:spPr>
          <a:xfrm>
            <a:off x="3433984" y="3079275"/>
            <a:ext cx="1626982" cy="216163"/>
          </a:xfrm>
          <a:prstGeom prst="homePlate">
            <a:avLst/>
          </a:prstGeom>
          <a:solidFill>
            <a:schemeClr val="accent2">
              <a:lumMod val="75000"/>
            </a:schemeClr>
          </a:solidFill>
          <a:ln>
            <a:solidFill>
              <a:schemeClr val="accent3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43" name="Arrow: Pentagon 42">
            <a:extLst>
              <a:ext uri="{FF2B5EF4-FFF2-40B4-BE49-F238E27FC236}">
                <a16:creationId xmlns:a16="http://schemas.microsoft.com/office/drawing/2014/main" id="{A48E3E0C-EE4D-4950-99B9-276863F53D6D}"/>
              </a:ext>
            </a:extLst>
          </p:cNvPr>
          <p:cNvSpPr/>
          <p:nvPr/>
        </p:nvSpPr>
        <p:spPr>
          <a:xfrm>
            <a:off x="2012742" y="3592172"/>
            <a:ext cx="4198874" cy="213852"/>
          </a:xfrm>
          <a:prstGeom prst="homePlate">
            <a:avLst/>
          </a:prstGeom>
          <a:solidFill>
            <a:schemeClr val="accent2">
              <a:lumMod val="75000"/>
            </a:schemeClr>
          </a:solidFill>
          <a:ln>
            <a:solidFill>
              <a:schemeClr val="accent3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44" name="Arrow: Pentagon 43">
            <a:extLst>
              <a:ext uri="{FF2B5EF4-FFF2-40B4-BE49-F238E27FC236}">
                <a16:creationId xmlns:a16="http://schemas.microsoft.com/office/drawing/2014/main" id="{81390FB7-A869-4044-92BB-362E381297F7}"/>
              </a:ext>
            </a:extLst>
          </p:cNvPr>
          <p:cNvSpPr/>
          <p:nvPr/>
        </p:nvSpPr>
        <p:spPr>
          <a:xfrm>
            <a:off x="2042651" y="4763262"/>
            <a:ext cx="2621527" cy="208642"/>
          </a:xfrm>
          <a:prstGeom prst="homePlate">
            <a:avLst/>
          </a:prstGeom>
          <a:solidFill>
            <a:srgbClr val="92D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13" name="OTLSHAPE_T_497a7c2a70af41bbb992004f3576c903_JoinedDate">
            <a:extLst>
              <a:ext uri="{FF2B5EF4-FFF2-40B4-BE49-F238E27FC236}">
                <a16:creationId xmlns:a16="http://schemas.microsoft.com/office/drawing/2014/main" id="{AA54A8A4-72B4-4D48-9B03-FAD4BA100FA8}"/>
              </a:ext>
              <a:ext uri="{B853C319-5676-49DE-87A4-4831005623B8}">
                <a16:creationId xmlns="" xmlns:a16="http://schemas.microsoft.com/office/drawing/2014/main\" xmlns:p14="http://schemas.microsoft.com/office/powerpoint/2010/main" id="A4F13B0E-BF66-4A5B-9BCA-41B5F906EC46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2075307" y="2136120"/>
            <a:ext cx="106422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>
                    <a:alpha val="100000"/>
                  </a:srgbClr>
                </a:solidFill>
              </a:rPr>
              <a:t>23 Aug - 5 Nov</a:t>
            </a:r>
            <a:endParaRPr lang="en-US" sz="1000">
              <a:solidFill>
                <a:srgbClr val="44546A">
                  <a:alpha val="100000"/>
                </a:srgbClr>
              </a:solidFill>
              <a:latin typeface="Arial" panose="02040604050505020304" pitchFamily="18" charset="0"/>
            </a:endParaRPr>
          </a:p>
        </p:txBody>
      </p:sp>
      <p:sp>
        <p:nvSpPr>
          <p:cNvPr id="14" name="OTLSHAPE_T_4b9319894d394d4c842585f9d97876bf_JoinedDate">
            <a:extLst>
              <a:ext uri="{FF2B5EF4-FFF2-40B4-BE49-F238E27FC236}">
                <a16:creationId xmlns:a16="http://schemas.microsoft.com/office/drawing/2014/main" id="{2986A655-1AE1-3D4B-8734-52AA9900E686}"/>
              </a:ext>
              <a:ext uri="{3526D83E-512E-44A1-99E6-F36630FAF1FC}">
                <a16:creationId xmlns="" xmlns:a16="http://schemas.microsoft.com/office/drawing/2014/main\" xmlns:p14="http://schemas.microsoft.com/office/powerpoint/2010/main" id="D073DEEC-6937-4653-9BA4-56F6E4579720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738770" y="2608138"/>
            <a:ext cx="100481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>
                <a:solidFill>
                  <a:srgbClr val="44546A">
                    <a:alpha val="100000"/>
                  </a:srgbClr>
                </a:solidFill>
              </a:rPr>
              <a:t>10 Nov - 10 Dec</a:t>
            </a:r>
          </a:p>
        </p:txBody>
      </p:sp>
      <p:sp>
        <p:nvSpPr>
          <p:cNvPr id="15" name="OTLSHAPE_T_4b5ddf71e9634475bd52a7fddaf6bd63_JoinedDate">
            <a:extLst>
              <a:ext uri="{FF2B5EF4-FFF2-40B4-BE49-F238E27FC236}">
                <a16:creationId xmlns:a16="http://schemas.microsoft.com/office/drawing/2014/main" id="{24A0DF97-0159-B344-B558-7FA16982E633}"/>
              </a:ext>
              <a:ext uri="{785445B1-87BB-434C-8906-7E8454BC08CD}">
                <a16:creationId xmlns="" xmlns:a16="http://schemas.microsoft.com/office/drawing/2014/main\" xmlns:p14="http://schemas.microsoft.com/office/powerpoint/2010/main" id="0360D2A8-A286-4035-8BA4-442060D9C508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3511759" y="3123112"/>
            <a:ext cx="100480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>
                <a:solidFill>
                  <a:srgbClr val="44546A">
                    <a:alpha val="100000"/>
                  </a:srgbClr>
                </a:solidFill>
              </a:rPr>
              <a:t>1 Nov - 4 Dec</a:t>
            </a:r>
          </a:p>
        </p:txBody>
      </p:sp>
      <p:sp>
        <p:nvSpPr>
          <p:cNvPr id="16" name="OTLSHAPE_T_dadd56d443ea4cfe82546e935470ecb4_JoinedDate">
            <a:extLst>
              <a:ext uri="{FF2B5EF4-FFF2-40B4-BE49-F238E27FC236}">
                <a16:creationId xmlns:a16="http://schemas.microsoft.com/office/drawing/2014/main" id="{ABAC9CAE-6CD6-8340-BE9D-54C5734D9FFD}"/>
              </a:ext>
              <a:ext uri="{6E38384E-B65C-414D-8AEE-F418920216B4}">
                <a16:creationId xmlns="" xmlns:a16="http://schemas.microsoft.com/office/drawing/2014/main\" xmlns:p14="http://schemas.microsoft.com/office/powerpoint/2010/main" id="02F8A869-B0AD-450E-8858-03F64A0F05BC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2143154" y="3619549"/>
            <a:ext cx="96911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>
                <a:solidFill>
                  <a:srgbClr val="44546A">
                    <a:alpha val="100000"/>
                  </a:srgbClr>
                </a:solidFill>
              </a:rPr>
              <a:t>22 Aug - 31 Dec</a:t>
            </a:r>
          </a:p>
        </p:txBody>
      </p:sp>
      <p:sp>
        <p:nvSpPr>
          <p:cNvPr id="18" name="OTLSHAPE_T_221660c1bce448a2bc1ba47cd9c49f08_JoinedDate">
            <a:extLst>
              <a:ext uri="{FF2B5EF4-FFF2-40B4-BE49-F238E27FC236}">
                <a16:creationId xmlns:a16="http://schemas.microsoft.com/office/drawing/2014/main" id="{CB2B1F31-1714-5342-A517-38D97E19A5C8}"/>
              </a:ext>
              <a:ext uri="{0940048E-33CE-44A3-A0AD-1D7F7550F3D2}">
                <a16:creationId xmlns="" xmlns:a16="http://schemas.microsoft.com/office/drawing/2014/main\" xmlns:p14="http://schemas.microsoft.com/office/powerpoint/2010/main" id="9BA16026-6CAE-4D3C-B412-2EBCC8BD43E3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4557107" y="4063825"/>
            <a:ext cx="11152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>
                <a:solidFill>
                  <a:srgbClr val="44546A">
                    <a:alpha val="100000"/>
                  </a:srgbClr>
                </a:solidFill>
              </a:rPr>
              <a:t>15 Nov - 31 Dec</a:t>
            </a:r>
          </a:p>
        </p:txBody>
      </p:sp>
      <p:sp>
        <p:nvSpPr>
          <p:cNvPr id="19" name="OTLSHAPE_T_7d68f16596814b088581919d3657abd6_JoinedDate">
            <a:extLst>
              <a:ext uri="{FF2B5EF4-FFF2-40B4-BE49-F238E27FC236}">
                <a16:creationId xmlns:a16="http://schemas.microsoft.com/office/drawing/2014/main" id="{1B0002FA-7D0E-E24A-ABE4-30904EEFE6D7}"/>
              </a:ext>
              <a:ext uri="{C0BD25BB-807F-4033-9AC1-353C5D69D1F7}">
                <a16:creationId xmlns="" xmlns:a16="http://schemas.microsoft.com/office/drawing/2014/main\" xmlns:p14="http://schemas.microsoft.com/office/powerpoint/2010/main" id="619784A3-9146-42AD-9251-B8D8BD3279DA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2129280" y="4800716"/>
            <a:ext cx="95627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>
                    <a:alpha val="100000"/>
                  </a:srgbClr>
                </a:solidFill>
              </a:rPr>
              <a:t>1 Sep – 22 Nov</a:t>
            </a:r>
            <a:endParaRPr lang="en-US" sz="1000">
              <a:solidFill>
                <a:srgbClr val="44546A">
                  <a:alpha val="100000"/>
                </a:srgbClr>
              </a:solidFill>
              <a:latin typeface="Arial" panose="02040604050505020304" pitchFamily="18" charset="0"/>
            </a:endParaRPr>
          </a:p>
        </p:txBody>
      </p: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3D722816-D3C6-40D3-83A4-F0BFE6B220B1}"/>
              </a:ext>
            </a:extLst>
          </p:cNvPr>
          <p:cNvCxnSpPr>
            <a:cxnSpLocks/>
          </p:cNvCxnSpPr>
          <p:nvPr/>
        </p:nvCxnSpPr>
        <p:spPr>
          <a:xfrm>
            <a:off x="3398265" y="1427137"/>
            <a:ext cx="0" cy="3709220"/>
          </a:xfrm>
          <a:prstGeom prst="line">
            <a:avLst/>
          </a:prstGeom>
          <a:ln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22" name="Arrow: Pentagon 21">
            <a:extLst>
              <a:ext uri="{FF2B5EF4-FFF2-40B4-BE49-F238E27FC236}">
                <a16:creationId xmlns:a16="http://schemas.microsoft.com/office/drawing/2014/main" id="{107B1BAB-81C2-40EF-8214-DB9488A13E54}"/>
              </a:ext>
            </a:extLst>
          </p:cNvPr>
          <p:cNvSpPr/>
          <p:nvPr/>
        </p:nvSpPr>
        <p:spPr>
          <a:xfrm>
            <a:off x="6183660" y="4422414"/>
            <a:ext cx="2776723" cy="171045"/>
          </a:xfrm>
          <a:prstGeom prst="homePlate">
            <a:avLst/>
          </a:prstGeom>
          <a:solidFill>
            <a:srgbClr val="FF6699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23" name="OTLSHAPE_T_221660c1bce448a2bc1ba47cd9c49f08_JoinedDate">
            <a:extLst>
              <a:ext uri="{FF2B5EF4-FFF2-40B4-BE49-F238E27FC236}">
                <a16:creationId xmlns:a16="http://schemas.microsoft.com/office/drawing/2014/main" id="{D76FCF74-AD35-4C4F-9593-7D7059972FA3}"/>
              </a:ext>
              <a:ext uri="{0940048E-33CE-44A3-A0AD-1D7F7550F3D2}">
                <a16:creationId xmlns="" xmlns:p14="http://schemas.microsoft.com/office/powerpoint/2010/main" xmlns:a16="http://schemas.microsoft.com/office/drawing/2014/main\" id="9BA16026-6CAE-4D3C-B412-2EBCC8BD43E3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6291513" y="4427233"/>
            <a:ext cx="89721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>
                    <a:alpha val="100000"/>
                  </a:srgbClr>
                </a:solidFill>
              </a:rPr>
              <a:t>1 Jan - 30 Feb</a:t>
            </a:r>
          </a:p>
        </p:txBody>
      </p:sp>
    </p:spTree>
    <p:extLst>
      <p:ext uri="{BB962C8B-B14F-4D97-AF65-F5344CB8AC3E}">
        <p14:creationId xmlns:p14="http://schemas.microsoft.com/office/powerpoint/2010/main" val="367694872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663931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Flow chart of manufacturing CF plane </a:t>
            </a:r>
            <a:endParaRPr/>
          </a:p>
        </p:txBody>
      </p:sp>
      <p:sp>
        <p:nvSpPr>
          <p:cNvPr id="7" name="Google Shape;841;p40">
            <a:extLst>
              <a:ext uri="{FF2B5EF4-FFF2-40B4-BE49-F238E27FC236}">
                <a16:creationId xmlns:a16="http://schemas.microsoft.com/office/drawing/2014/main" id="{24A4A2B8-8D7B-4025-925F-38B279F95EAF}"/>
              </a:ext>
            </a:extLst>
          </p:cNvPr>
          <p:cNvSpPr/>
          <p:nvPr/>
        </p:nvSpPr>
        <p:spPr>
          <a:xfrm>
            <a:off x="6759975" y="3449825"/>
            <a:ext cx="3222475" cy="1693675"/>
          </a:xfrm>
          <a:custGeom>
            <a:avLst/>
            <a:gdLst/>
            <a:ahLst/>
            <a:cxnLst/>
            <a:rect l="l" t="t" r="r" b="b"/>
            <a:pathLst>
              <a:path w="128899" h="67747" extrusionOk="0">
                <a:moveTo>
                  <a:pt x="115472" y="0"/>
                </a:moveTo>
                <a:cubicBezTo>
                  <a:pt x="109450" y="0"/>
                  <a:pt x="104069" y="4076"/>
                  <a:pt x="102525" y="10041"/>
                </a:cubicBezTo>
                <a:cubicBezTo>
                  <a:pt x="102389" y="10027"/>
                  <a:pt x="102253" y="10027"/>
                  <a:pt x="102103" y="10027"/>
                </a:cubicBezTo>
                <a:cubicBezTo>
                  <a:pt x="96558" y="10027"/>
                  <a:pt x="93493" y="16471"/>
                  <a:pt x="96994" y="20776"/>
                </a:cubicBezTo>
                <a:cubicBezTo>
                  <a:pt x="95591" y="20789"/>
                  <a:pt x="94215" y="21034"/>
                  <a:pt x="92894" y="21498"/>
                </a:cubicBezTo>
                <a:cubicBezTo>
                  <a:pt x="90213" y="18642"/>
                  <a:pt x="86582" y="17189"/>
                  <a:pt x="82938" y="17189"/>
                </a:cubicBezTo>
                <a:cubicBezTo>
                  <a:pt x="79750" y="17189"/>
                  <a:pt x="76553" y="18301"/>
                  <a:pt x="73972" y="20558"/>
                </a:cubicBezTo>
                <a:cubicBezTo>
                  <a:pt x="72638" y="19950"/>
                  <a:pt x="71232" y="19660"/>
                  <a:pt x="69845" y="19660"/>
                </a:cubicBezTo>
                <a:cubicBezTo>
                  <a:pt x="66472" y="19660"/>
                  <a:pt x="63207" y="21376"/>
                  <a:pt x="61344" y="24427"/>
                </a:cubicBezTo>
                <a:cubicBezTo>
                  <a:pt x="59089" y="21584"/>
                  <a:pt x="55695" y="20004"/>
                  <a:pt x="52205" y="20004"/>
                </a:cubicBezTo>
                <a:cubicBezTo>
                  <a:pt x="50929" y="20004"/>
                  <a:pt x="49639" y="20215"/>
                  <a:pt x="48388" y="20653"/>
                </a:cubicBezTo>
                <a:cubicBezTo>
                  <a:pt x="43702" y="22288"/>
                  <a:pt x="40569" y="26702"/>
                  <a:pt x="40569" y="31660"/>
                </a:cubicBezTo>
                <a:cubicBezTo>
                  <a:pt x="40569" y="32409"/>
                  <a:pt x="40637" y="33172"/>
                  <a:pt x="40787" y="33922"/>
                </a:cubicBezTo>
                <a:cubicBezTo>
                  <a:pt x="37885" y="34112"/>
                  <a:pt x="35174" y="35406"/>
                  <a:pt x="33199" y="37532"/>
                </a:cubicBezTo>
                <a:cubicBezTo>
                  <a:pt x="32681" y="37790"/>
                  <a:pt x="32191" y="38090"/>
                  <a:pt x="31714" y="38403"/>
                </a:cubicBezTo>
                <a:cubicBezTo>
                  <a:pt x="30133" y="37213"/>
                  <a:pt x="28322" y="36661"/>
                  <a:pt x="26541" y="36661"/>
                </a:cubicBezTo>
                <a:cubicBezTo>
                  <a:pt x="22860" y="36661"/>
                  <a:pt x="19311" y="39019"/>
                  <a:pt x="18200" y="42967"/>
                </a:cubicBezTo>
                <a:cubicBezTo>
                  <a:pt x="13691" y="43716"/>
                  <a:pt x="10000" y="46986"/>
                  <a:pt x="8692" y="51359"/>
                </a:cubicBezTo>
                <a:cubicBezTo>
                  <a:pt x="8528" y="51345"/>
                  <a:pt x="8365" y="51345"/>
                  <a:pt x="8201" y="51345"/>
                </a:cubicBezTo>
                <a:cubicBezTo>
                  <a:pt x="3665" y="51345"/>
                  <a:pt x="1" y="55023"/>
                  <a:pt x="1" y="59546"/>
                </a:cubicBezTo>
                <a:cubicBezTo>
                  <a:pt x="1" y="64082"/>
                  <a:pt x="3665" y="67747"/>
                  <a:pt x="8201" y="67747"/>
                </a:cubicBezTo>
                <a:lnTo>
                  <a:pt x="128899" y="67747"/>
                </a:lnTo>
                <a:lnTo>
                  <a:pt x="128899" y="13392"/>
                </a:lnTo>
                <a:cubicBezTo>
                  <a:pt x="128899" y="6649"/>
                  <a:pt x="123885" y="955"/>
                  <a:pt x="117183" y="110"/>
                </a:cubicBezTo>
                <a:cubicBezTo>
                  <a:pt x="116609" y="36"/>
                  <a:pt x="116038" y="0"/>
                  <a:pt x="115472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5A6F5C09-3EC0-44BA-9143-5BD8A460A166}"/>
              </a:ext>
            </a:extLst>
          </p:cNvPr>
          <p:cNvSpPr txBox="1"/>
          <p:nvPr/>
        </p:nvSpPr>
        <p:spPr>
          <a:xfrm>
            <a:off x="1086248" y="4750881"/>
            <a:ext cx="155745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/>
              <a:t>3D printing mold </a:t>
            </a:r>
            <a:r>
              <a:rPr lang="en-US">
                <a:sym typeface="Wingdings" panose="05000000000000000000" pitchFamily="2" charset="2"/>
              </a:rPr>
              <a:t> </a:t>
            </a:r>
            <a:endParaRPr lang="en-HK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7E94F3FC-8784-44CF-8A94-FABFC68AFEAC}"/>
              </a:ext>
            </a:extLst>
          </p:cNvPr>
          <p:cNvSpPr txBox="1"/>
          <p:nvPr/>
        </p:nvSpPr>
        <p:spPr>
          <a:xfrm>
            <a:off x="907786" y="2839285"/>
            <a:ext cx="185853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>
                <a:sym typeface="Wingdings" panose="05000000000000000000" pitchFamily="2" charset="2"/>
              </a:rPr>
              <a:t>Cover a plastic sheet</a:t>
            </a:r>
            <a:endParaRPr lang="en-HK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361DB6CD-AA11-4ECA-914B-CF5D4AC6BEE3}"/>
              </a:ext>
            </a:extLst>
          </p:cNvPr>
          <p:cNvSpPr txBox="1"/>
          <p:nvPr/>
        </p:nvSpPr>
        <p:spPr>
          <a:xfrm>
            <a:off x="4414931" y="4109479"/>
            <a:ext cx="347851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>
                <a:sym typeface="Wingdings" panose="05000000000000000000" pitchFamily="2" charset="2"/>
              </a:rPr>
              <a:t>Place and stick the CF cloth &amp; peel ply</a:t>
            </a:r>
            <a:endParaRPr lang="en-HK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4FF05859-5A6D-480A-84FD-23D4C36A9E2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38109" y="1568319"/>
            <a:ext cx="2797890" cy="1270966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7CEB7E6D-A091-4ABA-B7A0-BAE16293790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815094" y="2524793"/>
            <a:ext cx="2811191" cy="1474401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D73FF6AB-0387-40B5-A75D-629A0F2010F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067593" y="1568319"/>
            <a:ext cx="2086593" cy="1693675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9ADB2EEC-F6AC-4F07-A365-E99A82CA361D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26729" y="3547041"/>
            <a:ext cx="2076492" cy="1203840"/>
          </a:xfrm>
          <a:prstGeom prst="rect">
            <a:avLst/>
          </a:prstGeom>
        </p:spPr>
      </p:pic>
      <p:sp>
        <p:nvSpPr>
          <p:cNvPr id="27" name="Arrow: Up 26">
            <a:extLst>
              <a:ext uri="{FF2B5EF4-FFF2-40B4-BE49-F238E27FC236}">
                <a16:creationId xmlns:a16="http://schemas.microsoft.com/office/drawing/2014/main" id="{BF2ABA41-4A64-4B4A-B17A-1A33B975B7AB}"/>
              </a:ext>
            </a:extLst>
          </p:cNvPr>
          <p:cNvSpPr/>
          <p:nvPr/>
        </p:nvSpPr>
        <p:spPr>
          <a:xfrm>
            <a:off x="1691640" y="3110534"/>
            <a:ext cx="266700" cy="363451"/>
          </a:xfrm>
          <a:prstGeom prst="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28" name="Arrow: Right 27">
            <a:extLst>
              <a:ext uri="{FF2B5EF4-FFF2-40B4-BE49-F238E27FC236}">
                <a16:creationId xmlns:a16="http://schemas.microsoft.com/office/drawing/2014/main" id="{ECA3EF3B-DA06-434E-BAED-2F1D3914F5EF}"/>
              </a:ext>
            </a:extLst>
          </p:cNvPr>
          <p:cNvSpPr/>
          <p:nvPr/>
        </p:nvSpPr>
        <p:spPr>
          <a:xfrm>
            <a:off x="3411965" y="2151630"/>
            <a:ext cx="376646" cy="307777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</p:spTree>
    <p:extLst>
      <p:ext uri="{BB962C8B-B14F-4D97-AF65-F5344CB8AC3E}">
        <p14:creationId xmlns:p14="http://schemas.microsoft.com/office/powerpoint/2010/main" val="168763795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663931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Flow chart of manufacturing CF plane </a:t>
            </a:r>
            <a:endParaRPr/>
          </a:p>
        </p:txBody>
      </p:sp>
      <p:sp>
        <p:nvSpPr>
          <p:cNvPr id="7" name="Google Shape;841;p40">
            <a:extLst>
              <a:ext uri="{FF2B5EF4-FFF2-40B4-BE49-F238E27FC236}">
                <a16:creationId xmlns:a16="http://schemas.microsoft.com/office/drawing/2014/main" id="{24A4A2B8-8D7B-4025-925F-38B279F95EAF}"/>
              </a:ext>
            </a:extLst>
          </p:cNvPr>
          <p:cNvSpPr/>
          <p:nvPr/>
        </p:nvSpPr>
        <p:spPr>
          <a:xfrm>
            <a:off x="6759975" y="3449825"/>
            <a:ext cx="3222475" cy="1693675"/>
          </a:xfrm>
          <a:custGeom>
            <a:avLst/>
            <a:gdLst/>
            <a:ahLst/>
            <a:cxnLst/>
            <a:rect l="l" t="t" r="r" b="b"/>
            <a:pathLst>
              <a:path w="128899" h="67747" extrusionOk="0">
                <a:moveTo>
                  <a:pt x="115472" y="0"/>
                </a:moveTo>
                <a:cubicBezTo>
                  <a:pt x="109450" y="0"/>
                  <a:pt x="104069" y="4076"/>
                  <a:pt x="102525" y="10041"/>
                </a:cubicBezTo>
                <a:cubicBezTo>
                  <a:pt x="102389" y="10027"/>
                  <a:pt x="102253" y="10027"/>
                  <a:pt x="102103" y="10027"/>
                </a:cubicBezTo>
                <a:cubicBezTo>
                  <a:pt x="96558" y="10027"/>
                  <a:pt x="93493" y="16471"/>
                  <a:pt x="96994" y="20776"/>
                </a:cubicBezTo>
                <a:cubicBezTo>
                  <a:pt x="95591" y="20789"/>
                  <a:pt x="94215" y="21034"/>
                  <a:pt x="92894" y="21498"/>
                </a:cubicBezTo>
                <a:cubicBezTo>
                  <a:pt x="90213" y="18642"/>
                  <a:pt x="86582" y="17189"/>
                  <a:pt x="82938" y="17189"/>
                </a:cubicBezTo>
                <a:cubicBezTo>
                  <a:pt x="79750" y="17189"/>
                  <a:pt x="76553" y="18301"/>
                  <a:pt x="73972" y="20558"/>
                </a:cubicBezTo>
                <a:cubicBezTo>
                  <a:pt x="72638" y="19950"/>
                  <a:pt x="71232" y="19660"/>
                  <a:pt x="69845" y="19660"/>
                </a:cubicBezTo>
                <a:cubicBezTo>
                  <a:pt x="66472" y="19660"/>
                  <a:pt x="63207" y="21376"/>
                  <a:pt x="61344" y="24427"/>
                </a:cubicBezTo>
                <a:cubicBezTo>
                  <a:pt x="59089" y="21584"/>
                  <a:pt x="55695" y="20004"/>
                  <a:pt x="52205" y="20004"/>
                </a:cubicBezTo>
                <a:cubicBezTo>
                  <a:pt x="50929" y="20004"/>
                  <a:pt x="49639" y="20215"/>
                  <a:pt x="48388" y="20653"/>
                </a:cubicBezTo>
                <a:cubicBezTo>
                  <a:pt x="43702" y="22288"/>
                  <a:pt x="40569" y="26702"/>
                  <a:pt x="40569" y="31660"/>
                </a:cubicBezTo>
                <a:cubicBezTo>
                  <a:pt x="40569" y="32409"/>
                  <a:pt x="40637" y="33172"/>
                  <a:pt x="40787" y="33922"/>
                </a:cubicBezTo>
                <a:cubicBezTo>
                  <a:pt x="37885" y="34112"/>
                  <a:pt x="35174" y="35406"/>
                  <a:pt x="33199" y="37532"/>
                </a:cubicBezTo>
                <a:cubicBezTo>
                  <a:pt x="32681" y="37790"/>
                  <a:pt x="32191" y="38090"/>
                  <a:pt x="31714" y="38403"/>
                </a:cubicBezTo>
                <a:cubicBezTo>
                  <a:pt x="30133" y="37213"/>
                  <a:pt x="28322" y="36661"/>
                  <a:pt x="26541" y="36661"/>
                </a:cubicBezTo>
                <a:cubicBezTo>
                  <a:pt x="22860" y="36661"/>
                  <a:pt x="19311" y="39019"/>
                  <a:pt x="18200" y="42967"/>
                </a:cubicBezTo>
                <a:cubicBezTo>
                  <a:pt x="13691" y="43716"/>
                  <a:pt x="10000" y="46986"/>
                  <a:pt x="8692" y="51359"/>
                </a:cubicBezTo>
                <a:cubicBezTo>
                  <a:pt x="8528" y="51345"/>
                  <a:pt x="8365" y="51345"/>
                  <a:pt x="8201" y="51345"/>
                </a:cubicBezTo>
                <a:cubicBezTo>
                  <a:pt x="3665" y="51345"/>
                  <a:pt x="1" y="55023"/>
                  <a:pt x="1" y="59546"/>
                </a:cubicBezTo>
                <a:cubicBezTo>
                  <a:pt x="1" y="64082"/>
                  <a:pt x="3665" y="67747"/>
                  <a:pt x="8201" y="67747"/>
                </a:cubicBezTo>
                <a:lnTo>
                  <a:pt x="128899" y="67747"/>
                </a:lnTo>
                <a:lnTo>
                  <a:pt x="128899" y="13392"/>
                </a:lnTo>
                <a:cubicBezTo>
                  <a:pt x="128899" y="6649"/>
                  <a:pt x="123885" y="955"/>
                  <a:pt x="117183" y="110"/>
                </a:cubicBezTo>
                <a:cubicBezTo>
                  <a:pt x="116609" y="36"/>
                  <a:pt x="116038" y="0"/>
                  <a:pt x="115472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C06BFEF-F598-49BE-BC64-66BF71066E68}"/>
              </a:ext>
            </a:extLst>
          </p:cNvPr>
          <p:cNvSpPr txBox="1"/>
          <p:nvPr/>
        </p:nvSpPr>
        <p:spPr>
          <a:xfrm>
            <a:off x="131307" y="3205885"/>
            <a:ext cx="2662433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>
                <a:sym typeface="Wingdings" panose="05000000000000000000" pitchFamily="2" charset="2"/>
              </a:rPr>
              <a:t>Vacuum (Waiting for 24 hours )</a:t>
            </a:r>
            <a:endParaRPr lang="en-HK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246515D-8394-41B0-9901-03FE9F5536BE}"/>
              </a:ext>
            </a:extLst>
          </p:cNvPr>
          <p:cNvSpPr txBox="1"/>
          <p:nvPr/>
        </p:nvSpPr>
        <p:spPr>
          <a:xfrm>
            <a:off x="417334" y="4121495"/>
            <a:ext cx="1893604" cy="523220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>
                <a:sym typeface="Wingdings" panose="05000000000000000000" pitchFamily="2" charset="2"/>
              </a:rPr>
              <a:t>Replace the steps for another side of wing</a:t>
            </a:r>
            <a:endParaRPr lang="en-HK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32172051-E441-4B7B-B7E2-1CA36830D09C}"/>
              </a:ext>
            </a:extLst>
          </p:cNvPr>
          <p:cNvSpPr txBox="1"/>
          <p:nvPr/>
        </p:nvSpPr>
        <p:spPr>
          <a:xfrm>
            <a:off x="6440386" y="3016575"/>
            <a:ext cx="255408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>
                <a:sym typeface="Wingdings" panose="05000000000000000000" pitchFamily="2" charset="2"/>
              </a:rPr>
              <a:t>Stick the supporting structure on one side of the wing</a:t>
            </a:r>
            <a:endParaRPr lang="en-HK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DE17117A-3FDF-4351-9536-31BB52AF00D0}"/>
              </a:ext>
            </a:extLst>
          </p:cNvPr>
          <p:cNvSpPr txBox="1"/>
          <p:nvPr/>
        </p:nvSpPr>
        <p:spPr>
          <a:xfrm>
            <a:off x="3531885" y="3209273"/>
            <a:ext cx="185853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>
                <a:sym typeface="Wingdings" panose="05000000000000000000" pitchFamily="2" charset="2"/>
              </a:rPr>
              <a:t>Do finishing</a:t>
            </a:r>
            <a:endParaRPr lang="en-HK"/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4C2C1930-4A61-442A-A881-56C0AE8FE31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440386" y="1838592"/>
            <a:ext cx="2412526" cy="1180657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975E0254-30F8-4D83-9C14-85B1163E70F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23787" y="1652320"/>
            <a:ext cx="2477474" cy="1553565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50F3C0F1-E5C5-48AC-921B-44DA4206F27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332087" y="1683274"/>
            <a:ext cx="2477473" cy="1491294"/>
          </a:xfrm>
          <a:prstGeom prst="rect">
            <a:avLst/>
          </a:prstGeom>
        </p:spPr>
      </p:pic>
      <p:sp>
        <p:nvSpPr>
          <p:cNvPr id="19" name="Arrow: Right 18">
            <a:extLst>
              <a:ext uri="{FF2B5EF4-FFF2-40B4-BE49-F238E27FC236}">
                <a16:creationId xmlns:a16="http://schemas.microsoft.com/office/drawing/2014/main" id="{A6C1264A-AD68-4D16-B7A4-4EA29CF0B55E}"/>
              </a:ext>
            </a:extLst>
          </p:cNvPr>
          <p:cNvSpPr/>
          <p:nvPr/>
        </p:nvSpPr>
        <p:spPr>
          <a:xfrm>
            <a:off x="2845175" y="2275033"/>
            <a:ext cx="376646" cy="307777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21" name="Arrow: Right 20">
            <a:extLst>
              <a:ext uri="{FF2B5EF4-FFF2-40B4-BE49-F238E27FC236}">
                <a16:creationId xmlns:a16="http://schemas.microsoft.com/office/drawing/2014/main" id="{DAF24F4C-B369-42E8-9A59-22C80A685C4F}"/>
              </a:ext>
            </a:extLst>
          </p:cNvPr>
          <p:cNvSpPr/>
          <p:nvPr/>
        </p:nvSpPr>
        <p:spPr>
          <a:xfrm>
            <a:off x="5922179" y="2275033"/>
            <a:ext cx="376646" cy="307777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23" name="Arrow: Right 22">
            <a:extLst>
              <a:ext uri="{FF2B5EF4-FFF2-40B4-BE49-F238E27FC236}">
                <a16:creationId xmlns:a16="http://schemas.microsoft.com/office/drawing/2014/main" id="{5D9C6534-6F28-455B-9F26-B15CFEFF9FF5}"/>
              </a:ext>
            </a:extLst>
          </p:cNvPr>
          <p:cNvSpPr/>
          <p:nvPr/>
        </p:nvSpPr>
        <p:spPr>
          <a:xfrm>
            <a:off x="2483895" y="4207989"/>
            <a:ext cx="376646" cy="307777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28A25EFA-07A8-4DD1-9CA4-2BB994C58D10}"/>
              </a:ext>
            </a:extLst>
          </p:cNvPr>
          <p:cNvSpPr txBox="1"/>
          <p:nvPr/>
        </p:nvSpPr>
        <p:spPr>
          <a:xfrm>
            <a:off x="3033498" y="4100267"/>
            <a:ext cx="2163336" cy="523220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>
                <a:sym typeface="Wingdings" panose="05000000000000000000" pitchFamily="2" charset="2"/>
              </a:rPr>
              <a:t>Stick 2 sides of the wing and do finishing</a:t>
            </a:r>
            <a:endParaRPr lang="en-HK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39BF24AA-8908-4029-81B2-6E074B39765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919394" y="3763467"/>
            <a:ext cx="2845175" cy="1188346"/>
          </a:xfrm>
          <a:prstGeom prst="rect">
            <a:avLst/>
          </a:prstGeom>
          <a:ln w="38100" cap="sq">
            <a:solidFill>
              <a:schemeClr val="bg2"/>
            </a:solidFill>
            <a:prstDash val="solid"/>
            <a:miter lim="800000"/>
          </a:ln>
          <a:effectLst>
            <a:outerShdw blurRad="50800" dist="38100" dir="2700000" algn="tl" rotWithShape="0">
              <a:srgbClr val="000000">
                <a:alpha val="43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112391739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3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9" name="Google Shape;359;p31"/>
          <p:cNvSpPr txBox="1">
            <a:spLocks noGrp="1"/>
          </p:cNvSpPr>
          <p:nvPr>
            <p:ph type="ctrTitle"/>
          </p:nvPr>
        </p:nvSpPr>
        <p:spPr>
          <a:xfrm>
            <a:off x="605841" y="2880025"/>
            <a:ext cx="4290623" cy="8373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Interim report</a:t>
            </a:r>
          </a:p>
        </p:txBody>
      </p:sp>
      <p:sp>
        <p:nvSpPr>
          <p:cNvPr id="6" name="Google Shape;361;p31">
            <a:extLst>
              <a:ext uri="{FF2B5EF4-FFF2-40B4-BE49-F238E27FC236}">
                <a16:creationId xmlns:a16="http://schemas.microsoft.com/office/drawing/2014/main" id="{AA154E01-DC32-480D-BB17-7566CCAAFD8D}"/>
              </a:ext>
            </a:extLst>
          </p:cNvPr>
          <p:cNvSpPr/>
          <p:nvPr/>
        </p:nvSpPr>
        <p:spPr>
          <a:xfrm>
            <a:off x="711596" y="917815"/>
            <a:ext cx="1445400" cy="1445400"/>
          </a:xfrm>
          <a:prstGeom prst="ellipse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" name="Google Shape;362;p31">
            <a:extLst>
              <a:ext uri="{FF2B5EF4-FFF2-40B4-BE49-F238E27FC236}">
                <a16:creationId xmlns:a16="http://schemas.microsoft.com/office/drawing/2014/main" id="{7D421EAE-A9BE-4C25-9A1E-13077A2B364F}"/>
              </a:ext>
            </a:extLst>
          </p:cNvPr>
          <p:cNvSpPr txBox="1">
            <a:spLocks/>
          </p:cNvSpPr>
          <p:nvPr/>
        </p:nvSpPr>
        <p:spPr>
          <a:xfrm>
            <a:off x="888146" y="1351615"/>
            <a:ext cx="1092300" cy="577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Advent Pro Medium"/>
              <a:buNone/>
              <a:defRPr sz="6000" b="0" i="0" u="none" strike="noStrike" cap="none">
                <a:solidFill>
                  <a:schemeClr val="accent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rPr lang="en"/>
              <a:t>03</a:t>
            </a:r>
          </a:p>
        </p:txBody>
      </p:sp>
      <p:sp>
        <p:nvSpPr>
          <p:cNvPr id="9" name="Google Shape;223;p27">
            <a:extLst>
              <a:ext uri="{FF2B5EF4-FFF2-40B4-BE49-F238E27FC236}">
                <a16:creationId xmlns:a16="http://schemas.microsoft.com/office/drawing/2014/main" id="{FC7349BA-E40B-4021-8350-DD51BF1FFD2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67745661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7939329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Content</a:t>
            </a:r>
            <a:endParaRPr/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A86B5722-A690-4353-AA7F-2A6234B4A6E3}"/>
              </a:ext>
            </a:extLst>
          </p:cNvPr>
          <p:cNvSpPr txBox="1"/>
          <p:nvPr/>
        </p:nvSpPr>
        <p:spPr>
          <a:xfrm>
            <a:off x="346587" y="1570703"/>
            <a:ext cx="2777613" cy="3139321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en-US"/>
              <a:t>Nomenclature </a:t>
            </a:r>
          </a:p>
          <a:p>
            <a:pPr marL="742950" lvl="1" indent="-342900">
              <a:buFont typeface="+mj-lt"/>
              <a:buAutoNum type="arabicPeriod"/>
            </a:pPr>
            <a:r>
              <a:rPr lang="en-US"/>
              <a:t>Introduction</a:t>
            </a:r>
          </a:p>
          <a:p>
            <a:pPr marL="742950" lvl="1" indent="-342900">
              <a:buFont typeface="+mj-lt"/>
              <a:buAutoNum type="arabicPeriod"/>
            </a:pPr>
            <a:r>
              <a:rPr lang="en-US"/>
              <a:t>Background</a:t>
            </a:r>
          </a:p>
          <a:p>
            <a:pPr marL="342900" indent="-342900">
              <a:buFont typeface="+mj-lt"/>
              <a:buAutoNum type="arabicPeriod"/>
            </a:pPr>
            <a:r>
              <a:rPr lang="en-US"/>
              <a:t>Objective</a:t>
            </a:r>
          </a:p>
          <a:p>
            <a:pPr marL="342900" indent="-342900">
              <a:buFont typeface="+mj-lt"/>
              <a:buAutoNum type="arabicPeriod"/>
            </a:pPr>
            <a:r>
              <a:rPr lang="en-US"/>
              <a:t>Literature Review </a:t>
            </a:r>
          </a:p>
          <a:p>
            <a:pPr marL="342900" indent="-342900">
              <a:buFont typeface="+mj-lt"/>
              <a:buAutoNum type="arabicPeriod"/>
            </a:pPr>
            <a:r>
              <a:rPr lang="en-US"/>
              <a:t>Methodology </a:t>
            </a:r>
          </a:p>
          <a:p>
            <a:pPr marL="342900" indent="-342900">
              <a:buFont typeface="+mj-lt"/>
              <a:buAutoNum type="arabicPeriod"/>
            </a:pPr>
            <a:r>
              <a:rPr lang="en-US"/>
              <a:t>Project Planning</a:t>
            </a:r>
          </a:p>
          <a:p>
            <a:pPr marL="742950" lvl="1" indent="-342900">
              <a:buFont typeface="+mj-lt"/>
              <a:buAutoNum type="arabicPeriod"/>
            </a:pPr>
            <a:r>
              <a:rPr lang="en-US"/>
              <a:t>Project Schedule</a:t>
            </a:r>
          </a:p>
          <a:p>
            <a:pPr marL="742950" lvl="1" indent="-342900">
              <a:buFont typeface="+mj-lt"/>
              <a:buAutoNum type="arabicPeriod"/>
            </a:pPr>
            <a:r>
              <a:rPr lang="en-US"/>
              <a:t>Gantt Chart </a:t>
            </a:r>
          </a:p>
          <a:p>
            <a:pPr marL="342900" indent="-342900">
              <a:buFont typeface="+mj-lt"/>
              <a:buAutoNum type="arabicPeriod"/>
            </a:pPr>
            <a:r>
              <a:rPr lang="en-US"/>
              <a:t>References</a:t>
            </a:r>
            <a:endParaRPr lang="en-HK"/>
          </a:p>
        </p:txBody>
      </p:sp>
      <p:pic>
        <p:nvPicPr>
          <p:cNvPr id="3074" name="Picture 2" descr="Trentar Private Limited - Skywalker X8 Vtol Fixed Wing . . . . #drones #uav  #dronegear #plane #photooftheday #dronephotography #flying #aerial #pixhawk  #dronesdaily #dji #dronestagram #dronepilot #instagood #instapic  #picoftheday #dronelife #follow ...">
            <a:extLst>
              <a:ext uri="{FF2B5EF4-FFF2-40B4-BE49-F238E27FC236}">
                <a16:creationId xmlns:a16="http://schemas.microsoft.com/office/drawing/2014/main" id="{AFECC8D3-A279-4354-94B5-9946F531CC2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71288" y="1181906"/>
            <a:ext cx="3037685" cy="17067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AutoShape 4" descr="Skywalker X-8 VTOL Conversion - My Way! - VTOL Plane - ArduPilot Discourse">
            <a:extLst>
              <a:ext uri="{FF2B5EF4-FFF2-40B4-BE49-F238E27FC236}">
                <a16:creationId xmlns:a16="http://schemas.microsoft.com/office/drawing/2014/main" id="{53440359-AA80-41C2-A0CB-5BE528C506A8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4419600" y="241935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HK"/>
          </a:p>
        </p:txBody>
      </p:sp>
      <p:pic>
        <p:nvPicPr>
          <p:cNvPr id="3078" name="Picture 6" descr="Skywalker X-8 VTOL Conversion - My Way! - VTOL Plane - ArduPilot Discourse">
            <a:extLst>
              <a:ext uri="{FF2B5EF4-FFF2-40B4-BE49-F238E27FC236}">
                <a16:creationId xmlns:a16="http://schemas.microsoft.com/office/drawing/2014/main" id="{B25A6D24-DE02-4714-BAC7-AB3EE93735D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37921" y="2155294"/>
            <a:ext cx="2584438" cy="193832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87694265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7939329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Introduction</a:t>
            </a:r>
            <a:endParaRPr/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34CC871-BDD7-425C-B3E7-84BDF0E829B7}"/>
              </a:ext>
            </a:extLst>
          </p:cNvPr>
          <p:cNvSpPr txBox="1"/>
          <p:nvPr/>
        </p:nvSpPr>
        <p:spPr>
          <a:xfrm>
            <a:off x="216211" y="1386371"/>
            <a:ext cx="8485632" cy="3447098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285750" indent="-285750">
              <a:buFontTx/>
              <a:buChar char="-"/>
            </a:pPr>
            <a:r>
              <a:rPr lang="en-US" sz="2000">
                <a:solidFill>
                  <a:schemeClr val="accent6">
                    <a:lumMod val="10000"/>
                  </a:schemeClr>
                </a:solidFill>
                <a:cs typeface="Calibri"/>
              </a:rPr>
              <a:t>Background</a:t>
            </a:r>
          </a:p>
          <a:p>
            <a:pPr marL="342900" indent="-342900">
              <a:buAutoNum type="romanUcPeriod"/>
            </a:pPr>
            <a:r>
              <a:rPr lang="en-US" sz="1800">
                <a:solidFill>
                  <a:schemeClr val="accent6">
                    <a:lumMod val="10000"/>
                  </a:schemeClr>
                </a:solidFill>
                <a:cs typeface="Calibri"/>
              </a:rPr>
              <a:t>Introduction of different VTOL UAVs</a:t>
            </a:r>
          </a:p>
          <a:p>
            <a:pPr marL="342900" indent="-342900">
              <a:buAutoNum type="romanUcPeriod"/>
            </a:pPr>
            <a:r>
              <a:rPr lang="en-US" sz="1800">
                <a:solidFill>
                  <a:schemeClr val="accent6">
                    <a:lumMod val="10000"/>
                  </a:schemeClr>
                </a:solidFill>
                <a:cs typeface="Calibri"/>
              </a:rPr>
              <a:t>Functions and uses of them</a:t>
            </a:r>
          </a:p>
          <a:p>
            <a:pPr marL="342900" indent="-342900">
              <a:buAutoNum type="romanUcPeriod"/>
            </a:pPr>
            <a:r>
              <a:rPr lang="en-US" sz="1800">
                <a:solidFill>
                  <a:schemeClr val="accent6">
                    <a:lumMod val="10000"/>
                  </a:schemeClr>
                </a:solidFill>
                <a:cs typeface="Calibri"/>
              </a:rPr>
              <a:t>Our </a:t>
            </a:r>
            <a:r>
              <a:rPr lang="en-US" sz="1800">
                <a:solidFill>
                  <a:schemeClr val="accent6">
                    <a:lumMod val="10000"/>
                  </a:schemeClr>
                </a:solidFill>
              </a:rPr>
              <a:t>prototype (X8)</a:t>
            </a:r>
            <a:endParaRPr lang="en-US" sz="1800">
              <a:solidFill>
                <a:schemeClr val="accent6">
                  <a:lumMod val="10000"/>
                </a:schemeClr>
              </a:solidFill>
              <a:cs typeface="Calibri"/>
            </a:endParaRPr>
          </a:p>
          <a:p>
            <a:pPr marL="342900" indent="-342900">
              <a:buAutoNum type="romanUcPeriod"/>
            </a:pPr>
            <a:r>
              <a:rPr lang="en-US" sz="1800">
                <a:solidFill>
                  <a:schemeClr val="accent6">
                    <a:lumMod val="10000"/>
                  </a:schemeClr>
                </a:solidFill>
              </a:rPr>
              <a:t>Reasons of the project</a:t>
            </a:r>
          </a:p>
          <a:p>
            <a:endParaRPr lang="en-US" sz="1800">
              <a:solidFill>
                <a:schemeClr val="accent6">
                  <a:lumMod val="10000"/>
                </a:schemeClr>
              </a:solidFill>
              <a:cs typeface="Calibri"/>
            </a:endParaRPr>
          </a:p>
          <a:p>
            <a:pPr marL="285750" indent="-285750">
              <a:buFontTx/>
              <a:buChar char="-"/>
            </a:pPr>
            <a:r>
              <a:rPr lang="en-US" sz="2000">
                <a:solidFill>
                  <a:schemeClr val="accent6">
                    <a:lumMod val="10000"/>
                  </a:schemeClr>
                </a:solidFill>
                <a:cs typeface="Calibri"/>
              </a:rPr>
              <a:t>Objective</a:t>
            </a:r>
          </a:p>
          <a:p>
            <a:pPr marL="342900" indent="-342900">
              <a:buAutoNum type="romanUcPeriod"/>
            </a:pPr>
            <a:r>
              <a:rPr lang="en-US" sz="1800">
                <a:solidFill>
                  <a:schemeClr val="accent6">
                    <a:lumMod val="10000"/>
                  </a:schemeClr>
                </a:solidFill>
                <a:cs typeface="Calibri"/>
              </a:rPr>
              <a:t>To </a:t>
            </a:r>
            <a:r>
              <a:rPr lang="en-US" sz="1800">
                <a:solidFill>
                  <a:schemeClr val="accent6">
                    <a:lumMod val="10000"/>
                  </a:schemeClr>
                </a:solidFill>
              </a:rPr>
              <a:t>fly</a:t>
            </a:r>
            <a:r>
              <a:rPr lang="en-US" sz="1800">
                <a:solidFill>
                  <a:schemeClr val="accent6">
                    <a:lumMod val="10000"/>
                  </a:schemeClr>
                </a:solidFill>
                <a:cs typeface="Calibri"/>
              </a:rPr>
              <a:t> a </a:t>
            </a:r>
            <a:r>
              <a:rPr lang="en-US" sz="1800">
                <a:solidFill>
                  <a:schemeClr val="accent6">
                    <a:lumMod val="10000"/>
                  </a:schemeClr>
                </a:solidFill>
              </a:rPr>
              <a:t>VTOL UAV to </a:t>
            </a:r>
            <a:r>
              <a:rPr lang="en-US" sz="1800">
                <a:solidFill>
                  <a:schemeClr val="accent6">
                    <a:lumMod val="10000"/>
                  </a:schemeClr>
                </a:solidFill>
                <a:cs typeface="Calibri"/>
              </a:rPr>
              <a:t>carry a ~1 kg payload</a:t>
            </a:r>
            <a:endParaRPr lang="en-US" sz="1800">
              <a:solidFill>
                <a:schemeClr val="accent6">
                  <a:lumMod val="10000"/>
                </a:schemeClr>
              </a:solidFill>
              <a:cs typeface="Calibri" panose="020F0502020204030204" pitchFamily="34" charset="0"/>
            </a:endParaRPr>
          </a:p>
          <a:p>
            <a:pPr marL="342900" indent="-342900">
              <a:buAutoNum type="romanUcPeriod"/>
            </a:pPr>
            <a:r>
              <a:rPr lang="en-US" sz="1800">
                <a:solidFill>
                  <a:schemeClr val="accent6">
                    <a:lumMod val="10000"/>
                  </a:schemeClr>
                </a:solidFill>
                <a:cs typeface="Calibri"/>
              </a:rPr>
              <a:t>To </a:t>
            </a:r>
            <a:r>
              <a:rPr lang="en-US" sz="1800">
                <a:solidFill>
                  <a:schemeClr val="accent6">
                    <a:lumMod val="10000"/>
                  </a:schemeClr>
                </a:solidFill>
              </a:rPr>
              <a:t>fly </a:t>
            </a:r>
            <a:r>
              <a:rPr lang="en-US" sz="1800">
                <a:solidFill>
                  <a:schemeClr val="accent6">
                    <a:lumMod val="10000"/>
                  </a:schemeClr>
                </a:solidFill>
                <a:cs typeface="Calibri"/>
              </a:rPr>
              <a:t>a </a:t>
            </a:r>
            <a:r>
              <a:rPr lang="en-US" sz="1800">
                <a:solidFill>
                  <a:schemeClr val="accent6">
                    <a:lumMod val="10000"/>
                  </a:schemeClr>
                </a:solidFill>
              </a:rPr>
              <a:t>VTOL UAV with a specific performance</a:t>
            </a:r>
            <a:endParaRPr lang="en-US" sz="1800">
              <a:solidFill>
                <a:schemeClr val="accent6">
                  <a:lumMod val="10000"/>
                </a:schemeClr>
              </a:solidFill>
              <a:cs typeface="Calibri" panose="020F0502020204030204" pitchFamily="34" charset="0"/>
            </a:endParaRPr>
          </a:p>
          <a:p>
            <a:pPr marL="342900" indent="-342900">
              <a:buAutoNum type="romanUcPeriod"/>
            </a:pPr>
            <a:r>
              <a:rPr lang="en-US" sz="1800">
                <a:solidFill>
                  <a:schemeClr val="accent6">
                    <a:lumMod val="10000"/>
                  </a:schemeClr>
                </a:solidFill>
              </a:rPr>
              <a:t>To design a VTOL UAV  to complete the above missions with our understanding of kinematic and aerodynamic</a:t>
            </a:r>
            <a:endParaRPr lang="en-US">
              <a:solidFill>
                <a:schemeClr val="accent6">
                  <a:lumMod val="10000"/>
                </a:schemeClr>
              </a:solidFill>
            </a:endParaRPr>
          </a:p>
          <a:p>
            <a:endParaRPr lang="en-HK" sz="1600">
              <a:solidFill>
                <a:schemeClr val="accent6">
                  <a:lumMod val="10000"/>
                </a:schemeClr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2" name="Picture 2">
            <a:extLst>
              <a:ext uri="{FF2B5EF4-FFF2-40B4-BE49-F238E27FC236}">
                <a16:creationId xmlns:a16="http://schemas.microsoft.com/office/drawing/2014/main" id="{53E90513-ED66-4A92-9D7C-6D73EA432C8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0" y="935215"/>
            <a:ext cx="2527540" cy="1477948"/>
          </a:xfrm>
          <a:prstGeom prst="rect">
            <a:avLst/>
          </a:prstGeom>
        </p:spPr>
      </p:pic>
      <p:pic>
        <p:nvPicPr>
          <p:cNvPr id="3" name="Picture 3" descr="A picture containing text, indoor, airplane&#10;&#10;Description automatically generated">
            <a:extLst>
              <a:ext uri="{FF2B5EF4-FFF2-40B4-BE49-F238E27FC236}">
                <a16:creationId xmlns:a16="http://schemas.microsoft.com/office/drawing/2014/main" id="{FA4EEA4A-15DC-41EF-A406-7556BEA7FC6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650965" y="2258585"/>
            <a:ext cx="2247181" cy="14997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9351098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0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2" name="Google Shape;202;p26"/>
          <p:cNvSpPr/>
          <p:nvPr/>
        </p:nvSpPr>
        <p:spPr>
          <a:xfrm>
            <a:off x="-691650" y="3379624"/>
            <a:ext cx="3680594" cy="1935281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04" name="Google Shape;204;p26"/>
          <p:cNvSpPr txBox="1">
            <a:spLocks noGrp="1"/>
          </p:cNvSpPr>
          <p:nvPr>
            <p:ph type="ctrTitle" idx="3"/>
          </p:nvPr>
        </p:nvSpPr>
        <p:spPr>
          <a:xfrm>
            <a:off x="3085252" y="3507530"/>
            <a:ext cx="22518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Future plan</a:t>
            </a:r>
            <a:endParaRPr/>
          </a:p>
        </p:txBody>
      </p:sp>
      <p:sp>
        <p:nvSpPr>
          <p:cNvPr id="205" name="Google Shape;205;p26"/>
          <p:cNvSpPr txBox="1">
            <a:spLocks noGrp="1"/>
          </p:cNvSpPr>
          <p:nvPr>
            <p:ph type="ctrTitle"/>
          </p:nvPr>
        </p:nvSpPr>
        <p:spPr>
          <a:xfrm>
            <a:off x="1915351" y="1896493"/>
            <a:ext cx="30282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Current progress</a:t>
            </a:r>
            <a:endParaRPr/>
          </a:p>
        </p:txBody>
      </p:sp>
      <p:sp>
        <p:nvSpPr>
          <p:cNvPr id="206" name="Google Shape;206;p26"/>
          <p:cNvSpPr txBox="1">
            <a:spLocks noGrp="1"/>
          </p:cNvSpPr>
          <p:nvPr>
            <p:ph type="subTitle" idx="1"/>
          </p:nvPr>
        </p:nvSpPr>
        <p:spPr>
          <a:xfrm>
            <a:off x="1915351" y="2305818"/>
            <a:ext cx="242820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07" name="Google Shape;207;p26"/>
          <p:cNvSpPr txBox="1">
            <a:spLocks noGrp="1"/>
          </p:cNvSpPr>
          <p:nvPr>
            <p:ph type="title" idx="2"/>
          </p:nvPr>
        </p:nvSpPr>
        <p:spPr>
          <a:xfrm>
            <a:off x="1915357" y="1445636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01</a:t>
            </a:r>
            <a:endParaRPr/>
          </a:p>
        </p:txBody>
      </p:sp>
      <p:sp>
        <p:nvSpPr>
          <p:cNvPr id="208" name="Google Shape;208;p26"/>
          <p:cNvSpPr txBox="1">
            <a:spLocks noGrp="1"/>
          </p:cNvSpPr>
          <p:nvPr>
            <p:ph type="subTitle" idx="4"/>
          </p:nvPr>
        </p:nvSpPr>
        <p:spPr>
          <a:xfrm>
            <a:off x="2908852" y="3919998"/>
            <a:ext cx="242820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09" name="Google Shape;209;p26"/>
          <p:cNvSpPr txBox="1">
            <a:spLocks noGrp="1"/>
          </p:cNvSpPr>
          <p:nvPr>
            <p:ph type="title" idx="5"/>
          </p:nvPr>
        </p:nvSpPr>
        <p:spPr>
          <a:xfrm>
            <a:off x="3583252" y="3052298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02</a:t>
            </a:r>
            <a:endParaRPr/>
          </a:p>
        </p:txBody>
      </p:sp>
      <p:sp>
        <p:nvSpPr>
          <p:cNvPr id="210" name="Google Shape;210;p26"/>
          <p:cNvSpPr txBox="1">
            <a:spLocks noGrp="1"/>
          </p:cNvSpPr>
          <p:nvPr>
            <p:ph type="ctrTitle" idx="6"/>
          </p:nvPr>
        </p:nvSpPr>
        <p:spPr>
          <a:xfrm>
            <a:off x="618825" y="664759"/>
            <a:ext cx="45762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CONTENTS</a:t>
            </a:r>
            <a:endParaRPr/>
          </a:p>
        </p:txBody>
      </p:sp>
      <p:sp>
        <p:nvSpPr>
          <p:cNvPr id="211" name="Google Shape;211;p26"/>
          <p:cNvSpPr txBox="1">
            <a:spLocks noGrp="1"/>
          </p:cNvSpPr>
          <p:nvPr>
            <p:ph type="ctrTitle" idx="7"/>
          </p:nvPr>
        </p:nvSpPr>
        <p:spPr>
          <a:xfrm>
            <a:off x="5457822" y="1896493"/>
            <a:ext cx="22518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Interim report </a:t>
            </a:r>
            <a:endParaRPr/>
          </a:p>
        </p:txBody>
      </p:sp>
      <p:sp>
        <p:nvSpPr>
          <p:cNvPr id="212" name="Google Shape;212;p26"/>
          <p:cNvSpPr txBox="1">
            <a:spLocks noGrp="1"/>
          </p:cNvSpPr>
          <p:nvPr>
            <p:ph type="subTitle" idx="8"/>
          </p:nvPr>
        </p:nvSpPr>
        <p:spPr>
          <a:xfrm>
            <a:off x="5457826" y="2305818"/>
            <a:ext cx="259318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13" name="Google Shape;213;p26"/>
          <p:cNvSpPr txBox="1">
            <a:spLocks noGrp="1"/>
          </p:cNvSpPr>
          <p:nvPr>
            <p:ph type="title" idx="9"/>
          </p:nvPr>
        </p:nvSpPr>
        <p:spPr>
          <a:xfrm>
            <a:off x="5457832" y="1445636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03</a:t>
            </a:r>
            <a:endParaRPr/>
          </a:p>
        </p:txBody>
      </p:sp>
    </p:spTree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7939329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Literature Review</a:t>
            </a:r>
            <a:endParaRPr/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34CC871-BDD7-425C-B3E7-84BDF0E829B7}"/>
              </a:ext>
            </a:extLst>
          </p:cNvPr>
          <p:cNvSpPr txBox="1"/>
          <p:nvPr/>
        </p:nvSpPr>
        <p:spPr>
          <a:xfrm>
            <a:off x="216211" y="1386371"/>
            <a:ext cx="8485632" cy="61555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Tx/>
              <a:buChar char="-"/>
            </a:pPr>
            <a:endParaRPr lang="en-US" sz="1800">
              <a:solidFill>
                <a:schemeClr val="bg2"/>
              </a:solidFill>
              <a:latin typeface="Muli"/>
              <a:cs typeface="Calibri" panose="020F0502020204030204" pitchFamily="34" charset="0"/>
            </a:endParaRPr>
          </a:p>
          <a:p>
            <a:endParaRPr lang="en-HK" sz="160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9CC61763-AEF8-4062-96FA-6FA1E40964A7}"/>
              </a:ext>
            </a:extLst>
          </p:cNvPr>
          <p:cNvSpPr txBox="1"/>
          <p:nvPr/>
        </p:nvSpPr>
        <p:spPr>
          <a:xfrm>
            <a:off x="868680" y="1717466"/>
            <a:ext cx="1508760" cy="646331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</a:rPr>
              <a:t>Introduction of VTOL UAV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488631FB-D7C7-4996-B0D4-6E614E16B8A4}"/>
              </a:ext>
            </a:extLst>
          </p:cNvPr>
          <p:cNvSpPr txBox="1"/>
          <p:nvPr/>
        </p:nvSpPr>
        <p:spPr>
          <a:xfrm>
            <a:off x="3064249" y="1717466"/>
            <a:ext cx="2240280" cy="646331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</a:rPr>
              <a:t>Aerodynamics of Fixed wing VTOL UAV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A902E654-AC69-4689-BA63-D4A4D95620DD}"/>
              </a:ext>
            </a:extLst>
          </p:cNvPr>
          <p:cNvSpPr txBox="1"/>
          <p:nvPr/>
        </p:nvSpPr>
        <p:spPr>
          <a:xfrm>
            <a:off x="5912112" y="1573756"/>
            <a:ext cx="2538467" cy="923330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</a:rPr>
              <a:t>Design &amp; Manufacturing UAV structure by using composite materials </a:t>
            </a:r>
          </a:p>
        </p:txBody>
      </p:sp>
      <p:sp>
        <p:nvSpPr>
          <p:cNvPr id="3" name="AutoShape 2" descr="Construction Prototyping, Flight Dynamics Modeling, and Aerodynamic  Analysis of Hybrid VTOL Unmanned Aircraft">
            <a:extLst>
              <a:ext uri="{FF2B5EF4-FFF2-40B4-BE49-F238E27FC236}">
                <a16:creationId xmlns:a16="http://schemas.microsoft.com/office/drawing/2014/main" id="{6AED0C81-31F0-450D-B4A3-A8BCD1FCA691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4419600" y="241935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HK"/>
          </a:p>
        </p:txBody>
      </p:sp>
      <p:sp>
        <p:nvSpPr>
          <p:cNvPr id="4" name="AutoShape 4" descr="Construction Prototyping, Flight Dynamics Modeling, and Aerodynamic  Analysis of Hybrid VTOL Unmanned Aircraft">
            <a:extLst>
              <a:ext uri="{FF2B5EF4-FFF2-40B4-BE49-F238E27FC236}">
                <a16:creationId xmlns:a16="http://schemas.microsoft.com/office/drawing/2014/main" id="{44BAC468-FB0A-4CF4-8946-EF11190224CB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4572000" y="2571750"/>
            <a:ext cx="304800" cy="11544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HK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37B72B4-E5B6-4AE0-95BB-A37C8550A8CC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1816"/>
          <a:stretch/>
        </p:blipFill>
        <p:spPr>
          <a:xfrm>
            <a:off x="868680" y="2937669"/>
            <a:ext cx="4048934" cy="1881822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2C21240E-40E0-4117-8A0F-37728E37E185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563" t="3395"/>
          <a:stretch/>
        </p:blipFill>
        <p:spPr>
          <a:xfrm>
            <a:off x="5912112" y="2833225"/>
            <a:ext cx="2538467" cy="20922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37971168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7939329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Methodology</a:t>
            </a:r>
            <a:endParaRPr/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34CC871-BDD7-425C-B3E7-84BDF0E829B7}"/>
              </a:ext>
            </a:extLst>
          </p:cNvPr>
          <p:cNvSpPr txBox="1"/>
          <p:nvPr/>
        </p:nvSpPr>
        <p:spPr>
          <a:xfrm>
            <a:off x="243840" y="1470806"/>
            <a:ext cx="7816154" cy="2031325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</a:rPr>
              <a:t>1. Processes during building Skywalker X8</a:t>
            </a:r>
          </a:p>
          <a:p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</a:rPr>
              <a:t>      </a:t>
            </a:r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  <a:sym typeface="Wingdings" panose="05000000000000000000" pitchFamily="2" charset="2"/>
              </a:rPr>
              <a:t> </a:t>
            </a:r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</a:rPr>
              <a:t>e.g., calculation for the selections of VTOL motors, total weight of UAV</a:t>
            </a:r>
          </a:p>
          <a:p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</a:rPr>
              <a:t>2. Comparison of the flying records of Skywalker X8 and its simulation results</a:t>
            </a:r>
          </a:p>
          <a:p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</a:rPr>
              <a:t>3. Explanation of choosing Clark Y airfoil </a:t>
            </a:r>
          </a:p>
          <a:p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</a:rPr>
              <a:t>4. Processes during building our CF UAV</a:t>
            </a:r>
          </a:p>
          <a:p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  <a:sym typeface="Wingdings" panose="05000000000000000000" pitchFamily="2" charset="2"/>
              </a:rPr>
              <a:t>      </a:t>
            </a:r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</a:rPr>
              <a:t>e.g., manufacturing processes of CF parts, design of the support structures</a:t>
            </a:r>
          </a:p>
          <a:p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</a:rPr>
              <a:t>5. Comparison of the flying records or the CF UAV and its simulation results</a:t>
            </a:r>
          </a:p>
        </p:txBody>
      </p:sp>
    </p:spTree>
    <p:extLst>
      <p:ext uri="{BB962C8B-B14F-4D97-AF65-F5344CB8AC3E}">
        <p14:creationId xmlns:p14="http://schemas.microsoft.com/office/powerpoint/2010/main" val="2895263569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7939329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Project Planning</a:t>
            </a:r>
            <a:endParaRPr/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1AC53AC4-2315-4E8E-9305-93A5CDC8ED50}"/>
              </a:ext>
            </a:extLst>
          </p:cNvPr>
          <p:cNvSpPr txBox="1"/>
          <p:nvPr/>
        </p:nvSpPr>
        <p:spPr>
          <a:xfrm>
            <a:off x="216211" y="1386371"/>
            <a:ext cx="8485632" cy="2585323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285750" indent="-285750">
              <a:buFontTx/>
              <a:buChar char="-"/>
            </a:pPr>
            <a:r>
              <a:rPr lang="en-US" sz="1800">
                <a:solidFill>
                  <a:schemeClr val="accent6">
                    <a:lumMod val="10000"/>
                  </a:schemeClr>
                </a:solidFill>
                <a:latin typeface="Muli"/>
                <a:cs typeface="Calibri"/>
              </a:rPr>
              <a:t>Project Schedule Highlight</a:t>
            </a:r>
          </a:p>
          <a:p>
            <a:pPr marL="342900" indent="-342900">
              <a:buFontTx/>
              <a:buAutoNum type="arabicPeriod"/>
            </a:pPr>
            <a:r>
              <a:rPr lang="en-US" sz="1800">
                <a:solidFill>
                  <a:schemeClr val="accent6">
                    <a:lumMod val="10000"/>
                  </a:schemeClr>
                </a:solidFill>
                <a:latin typeface="Muli"/>
                <a:cs typeface="Calibri"/>
              </a:rPr>
              <a:t>Skywalker X8 building (Early Sep)</a:t>
            </a:r>
          </a:p>
          <a:p>
            <a:pPr marL="342900" indent="-342900">
              <a:buFontTx/>
              <a:buAutoNum type="arabicPeriod"/>
            </a:pPr>
            <a:r>
              <a:rPr lang="en-US" sz="1800">
                <a:solidFill>
                  <a:schemeClr val="accent6">
                    <a:lumMod val="10000"/>
                  </a:schemeClr>
                </a:solidFill>
                <a:latin typeface="Muli"/>
                <a:cs typeface="Calibri"/>
              </a:rPr>
              <a:t>Skywalker X8 3D scanning (Mid Sep)</a:t>
            </a:r>
          </a:p>
          <a:p>
            <a:pPr marL="342900" indent="-342900">
              <a:buFontTx/>
              <a:buAutoNum type="arabicPeriod"/>
            </a:pPr>
            <a:r>
              <a:rPr lang="en-US" sz="1800">
                <a:solidFill>
                  <a:schemeClr val="accent6">
                    <a:lumMod val="10000"/>
                  </a:schemeClr>
                </a:solidFill>
                <a:latin typeface="Muli"/>
                <a:cs typeface="Calibri"/>
              </a:rPr>
              <a:t>Skywalker X8 CAD drawing from scanned model (Late Sep)</a:t>
            </a:r>
            <a:endParaRPr lang="en-US" sz="1800">
              <a:solidFill>
                <a:schemeClr val="accent6">
                  <a:lumMod val="10000"/>
                </a:schemeClr>
              </a:solidFill>
              <a:latin typeface="Muli"/>
              <a:cs typeface="Calibri" panose="020F0502020204030204" pitchFamily="34" charset="0"/>
            </a:endParaRPr>
          </a:p>
          <a:p>
            <a:pPr marL="342900" indent="-342900">
              <a:buFontTx/>
              <a:buAutoNum type="arabicPeriod"/>
            </a:pPr>
            <a:r>
              <a:rPr lang="en-US" sz="1800">
                <a:solidFill>
                  <a:schemeClr val="accent6">
                    <a:lumMod val="10000"/>
                  </a:schemeClr>
                </a:solidFill>
                <a:latin typeface="Muli"/>
                <a:cs typeface="Calibri"/>
              </a:rPr>
              <a:t>CF wing design (Mid Oct)</a:t>
            </a:r>
          </a:p>
          <a:p>
            <a:pPr marL="342900" indent="-342900">
              <a:buFontTx/>
              <a:buAutoNum type="arabicPeriod"/>
            </a:pPr>
            <a:r>
              <a:rPr lang="en-US" sz="1800">
                <a:solidFill>
                  <a:schemeClr val="accent6">
                    <a:lumMod val="10000"/>
                  </a:schemeClr>
                </a:solidFill>
                <a:latin typeface="Muli"/>
                <a:cs typeface="Calibri"/>
              </a:rPr>
              <a:t>CF wing fabrication (Early Nov)</a:t>
            </a:r>
            <a:endParaRPr lang="en-US" sz="1800">
              <a:solidFill>
                <a:schemeClr val="accent6">
                  <a:lumMod val="10000"/>
                </a:schemeClr>
              </a:solidFill>
              <a:latin typeface="Muli"/>
              <a:cs typeface="Calibri" panose="020F0502020204030204" pitchFamily="34" charset="0"/>
            </a:endParaRPr>
          </a:p>
          <a:p>
            <a:pPr marL="342900" indent="-342900">
              <a:buFontTx/>
              <a:buAutoNum type="arabicPeriod"/>
            </a:pPr>
            <a:r>
              <a:rPr lang="en-US" sz="1800">
                <a:solidFill>
                  <a:schemeClr val="accent6">
                    <a:lumMod val="10000"/>
                  </a:schemeClr>
                </a:solidFill>
                <a:latin typeface="Muli"/>
                <a:cs typeface="Calibri"/>
              </a:rPr>
              <a:t>CF UAV building (Mid Nov)</a:t>
            </a:r>
          </a:p>
          <a:p>
            <a:pPr marL="342900" indent="-342900">
              <a:buFontTx/>
              <a:buAutoNum type="arabicPeriod"/>
            </a:pPr>
            <a:r>
              <a:rPr lang="en-US" sz="1800">
                <a:solidFill>
                  <a:schemeClr val="accent6">
                    <a:lumMod val="10000"/>
                  </a:schemeClr>
                </a:solidFill>
                <a:latin typeface="Muli"/>
                <a:cs typeface="Calibri"/>
              </a:rPr>
              <a:t>Testing CF UAV (Early Jan)</a:t>
            </a:r>
          </a:p>
          <a:p>
            <a:pPr marL="342900" indent="-342900">
              <a:buFontTx/>
              <a:buAutoNum type="arabicPeriod"/>
            </a:pPr>
            <a:r>
              <a:rPr lang="en-US" sz="1800">
                <a:solidFill>
                  <a:schemeClr val="accent6">
                    <a:lumMod val="10000"/>
                  </a:schemeClr>
                </a:solidFill>
                <a:latin typeface="Muli"/>
                <a:cs typeface="Calibri"/>
              </a:rPr>
              <a:t>Final report (Feb)</a:t>
            </a:r>
            <a:endParaRPr lang="en-US" sz="1800">
              <a:solidFill>
                <a:schemeClr val="accent6">
                  <a:lumMod val="10000"/>
                </a:schemeClr>
              </a:solidFill>
              <a:latin typeface="Muli"/>
              <a:cs typeface="Calibri" panose="020F0502020204030204" pitchFamily="34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73A25772-F141-42F1-8FFF-B7ED7E09FD18}"/>
              </a:ext>
            </a:extLst>
          </p:cNvPr>
          <p:cNvSpPr txBox="1"/>
          <p:nvPr/>
        </p:nvSpPr>
        <p:spPr>
          <a:xfrm>
            <a:off x="1040781" y="4216775"/>
            <a:ext cx="1390185" cy="369332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1800"/>
              <a:t>Gantt Chart</a:t>
            </a:r>
            <a:endParaRPr lang="en-HK" sz="1800"/>
          </a:p>
        </p:txBody>
      </p:sp>
    </p:spTree>
    <p:extLst>
      <p:ext uri="{BB962C8B-B14F-4D97-AF65-F5344CB8AC3E}">
        <p14:creationId xmlns:p14="http://schemas.microsoft.com/office/powerpoint/2010/main" val="206250176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7939329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References</a:t>
            </a:r>
            <a:endParaRPr/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1AC53AC4-2315-4E8E-9305-93A5CDC8ED50}"/>
              </a:ext>
            </a:extLst>
          </p:cNvPr>
          <p:cNvSpPr txBox="1"/>
          <p:nvPr/>
        </p:nvSpPr>
        <p:spPr>
          <a:xfrm>
            <a:off x="216211" y="1386371"/>
            <a:ext cx="8485632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>
              <a:buFontTx/>
              <a:buChar char="-"/>
            </a:pPr>
            <a:r>
              <a:rPr lang="en-US" sz="1200" b="0" i="0">
                <a:effectLst/>
                <a:latin typeface="Muli"/>
                <a:cs typeface="Calibri" panose="020F0502020204030204" pitchFamily="34" charset="0"/>
              </a:rPr>
              <a:t>Pixhawk 4 Wiring Quick Start</a:t>
            </a:r>
            <a:r>
              <a:rPr lang="en-US" sz="1200">
                <a:latin typeface="Muli"/>
                <a:cs typeface="Calibri" panose="020F0502020204030204" pitchFamily="34" charset="0"/>
              </a:rPr>
              <a:t> </a:t>
            </a:r>
            <a:br>
              <a:rPr lang="en-US" sz="1200">
                <a:latin typeface="Muli"/>
                <a:cs typeface="Calibri" panose="020F0502020204030204" pitchFamily="34" charset="0"/>
              </a:rPr>
            </a:br>
            <a:r>
              <a:rPr lang="en-US" sz="1200" b="0" i="0">
                <a:effectLst/>
                <a:latin typeface="Muli"/>
                <a:cs typeface="Calibri" panose="020F0502020204030204" pitchFamily="34" charset="0"/>
                <a:hlinkClick r:id="rId3"/>
              </a:rPr>
              <a:t>https://docs.px4.io/master/en/assembly/quick_start_pixhawk4.html</a:t>
            </a:r>
            <a:r>
              <a:rPr lang="en-US" sz="1200" b="0" i="0">
                <a:effectLst/>
                <a:latin typeface="Muli"/>
                <a:cs typeface="Calibri" panose="020F0502020204030204" pitchFamily="34" charset="0"/>
              </a:rPr>
              <a:t> </a:t>
            </a:r>
          </a:p>
          <a:p>
            <a:pPr marL="171450" indent="-171450">
              <a:buFontTx/>
              <a:buChar char="-"/>
            </a:pPr>
            <a:r>
              <a:rPr lang="en-US" sz="1200">
                <a:latin typeface="Muli"/>
                <a:cs typeface="Calibri" panose="020F0502020204030204" pitchFamily="34" charset="0"/>
              </a:rPr>
              <a:t>Airfoil Tools </a:t>
            </a:r>
            <a:br>
              <a:rPr lang="en-US" sz="1200">
                <a:latin typeface="Muli"/>
                <a:cs typeface="Calibri" panose="020F0502020204030204" pitchFamily="34" charset="0"/>
              </a:rPr>
            </a:br>
            <a:r>
              <a:rPr lang="en-US" sz="1200">
                <a:latin typeface="Muli"/>
                <a:cs typeface="Calibri" panose="020F0502020204030204" pitchFamily="34" charset="0"/>
                <a:hlinkClick r:id="rId4"/>
              </a:rPr>
              <a:t>http://airfoiltools.com/airfoil/details?airfoil=clarky-il</a:t>
            </a:r>
            <a:r>
              <a:rPr lang="en-US" sz="1200">
                <a:latin typeface="Muli"/>
                <a:cs typeface="Calibri" panose="020F0502020204030204" pitchFamily="34" charset="0"/>
              </a:rPr>
              <a:t> </a:t>
            </a:r>
            <a:br>
              <a:rPr lang="en-US" sz="1200">
                <a:latin typeface="Muli"/>
                <a:cs typeface="Calibri" panose="020F0502020204030204" pitchFamily="34" charset="0"/>
              </a:rPr>
            </a:br>
            <a:r>
              <a:rPr lang="en-US" sz="1200" b="0" i="0">
                <a:effectLst/>
                <a:latin typeface="Muli"/>
                <a:cs typeface="Calibri" panose="020F0502020204030204" pitchFamily="34" charset="0"/>
              </a:rPr>
              <a:t>Building a GIANT RC Airbus A380-800 Part 4| The wings </a:t>
            </a:r>
            <a:r>
              <a:rPr lang="en-US" sz="1200">
                <a:solidFill>
                  <a:schemeClr val="bg2"/>
                </a:solidFill>
                <a:latin typeface="Muli"/>
                <a:cs typeface="Calibri" panose="020F0502020204030204" pitchFamily="34" charset="0"/>
                <a:hlinkClick r:id="rId5"/>
              </a:rPr>
              <a:t>https://www.youtube.com/watch?v=23Fj1iaz2pU&amp;t=179s&amp;ab_channel=RamyRC</a:t>
            </a:r>
            <a:endParaRPr lang="en-US" sz="1200">
              <a:solidFill>
                <a:schemeClr val="bg2"/>
              </a:solidFill>
              <a:latin typeface="Muli"/>
              <a:cs typeface="Calibri" panose="020F0502020204030204" pitchFamily="34" charset="0"/>
            </a:endParaRPr>
          </a:p>
          <a:p>
            <a:pPr marL="171450" indent="-171450">
              <a:buFontTx/>
              <a:buChar char="-"/>
            </a:pPr>
            <a:r>
              <a:rPr lang="zh-TW" altLang="en-US" sz="1200" b="0" i="0">
                <a:effectLst/>
                <a:latin typeface="Muli"/>
              </a:rPr>
              <a:t>如何製作碳纖維機翼</a:t>
            </a:r>
            <a:r>
              <a:rPr lang="en-US" altLang="zh-TW" sz="1200" b="0" i="0">
                <a:effectLst/>
                <a:latin typeface="Muli"/>
              </a:rPr>
              <a:t>[DIY]</a:t>
            </a:r>
            <a:r>
              <a:rPr lang="zh-TW" altLang="en-US" sz="1200" b="0" i="0">
                <a:effectLst/>
                <a:latin typeface="Muli"/>
              </a:rPr>
              <a:t>（使用</a:t>
            </a:r>
            <a:r>
              <a:rPr lang="en-US" altLang="zh-TW" sz="1200" b="0" i="0">
                <a:effectLst/>
                <a:latin typeface="Muli"/>
              </a:rPr>
              <a:t>3D</a:t>
            </a:r>
            <a:r>
              <a:rPr lang="zh-TW" altLang="en-US" sz="1200" b="0" i="0">
                <a:effectLst/>
                <a:latin typeface="Muli"/>
              </a:rPr>
              <a:t>打印模具）</a:t>
            </a:r>
            <a:br>
              <a:rPr lang="en-US" altLang="zh-TW" sz="1200" b="0" i="0">
                <a:effectLst/>
                <a:latin typeface="Muli"/>
              </a:rPr>
            </a:br>
            <a:r>
              <a:rPr lang="en-US" sz="1200">
                <a:solidFill>
                  <a:schemeClr val="bg2"/>
                </a:solidFill>
                <a:latin typeface="Muli"/>
                <a:cs typeface="Calibri" panose="020F0502020204030204" pitchFamily="34" charset="0"/>
                <a:hlinkClick r:id="rId6"/>
              </a:rPr>
              <a:t>https://www.youtube.com/watch?v=BSv0XuPGUig&amp;t=890s&amp;ab_channel=ECO-LAPStudio</a:t>
            </a:r>
            <a:endParaRPr lang="en-US" sz="1200">
              <a:solidFill>
                <a:schemeClr val="bg2"/>
              </a:solidFill>
              <a:latin typeface="Muli"/>
              <a:cs typeface="Calibri" panose="020F0502020204030204" pitchFamily="34" charset="0"/>
            </a:endParaRPr>
          </a:p>
          <a:p>
            <a:pPr marL="171450" indent="-171450">
              <a:buFontTx/>
              <a:buChar char="-"/>
            </a:pPr>
            <a:r>
              <a:rPr lang="az-Cyrl-AZ" sz="1200" b="0" i="0">
                <a:effectLst/>
                <a:latin typeface="Muli"/>
              </a:rPr>
              <a:t>БПЛА </a:t>
            </a:r>
            <a:r>
              <a:rPr lang="en-HK" sz="1200" b="0" i="0">
                <a:effectLst/>
                <a:latin typeface="Muli"/>
              </a:rPr>
              <a:t>VOLJET X8 VTOL </a:t>
            </a:r>
            <a:r>
              <a:rPr lang="en-HK" sz="1200" b="0" i="0" err="1">
                <a:effectLst/>
                <a:latin typeface="Muli"/>
              </a:rPr>
              <a:t>RedEdge</a:t>
            </a:r>
            <a:br>
              <a:rPr lang="en-HK" sz="1200" b="0" i="0">
                <a:effectLst/>
                <a:latin typeface="Muli"/>
              </a:rPr>
            </a:br>
            <a:r>
              <a:rPr lang="en-HK" sz="1200" b="0" i="0">
                <a:effectLst/>
                <a:latin typeface="Muli"/>
                <a:hlinkClick r:id="rId7"/>
              </a:rPr>
              <a:t>https://www.youtube.com/watch?v=lVY55hxu3Y8&amp;ab_channel=VolJetAvia</a:t>
            </a:r>
            <a:r>
              <a:rPr lang="en-HK" sz="1200" b="0" i="0">
                <a:effectLst/>
                <a:latin typeface="Muli"/>
              </a:rPr>
              <a:t> </a:t>
            </a:r>
          </a:p>
          <a:p>
            <a:pPr marL="171450" indent="-171450">
              <a:buFontTx/>
              <a:buChar char="-"/>
            </a:pPr>
            <a:r>
              <a:rPr lang="en-US" sz="1200" b="0" i="0">
                <a:effectLst/>
                <a:latin typeface="Muli"/>
              </a:rPr>
              <a:t>Transition Flight Modeling of a Fixed-Wing VTOL UAV </a:t>
            </a:r>
            <a:br>
              <a:rPr lang="en-US" sz="1200" b="0" i="0">
                <a:effectLst/>
                <a:latin typeface="Muli"/>
              </a:rPr>
            </a:br>
            <a:r>
              <a:rPr lang="en-HK" sz="1200" b="0" i="0">
                <a:effectLst/>
                <a:latin typeface="Muli"/>
                <a:hlinkClick r:id="rId8"/>
              </a:rPr>
              <a:t>https://link.springer.com/content/pdf/10.1007/s10846-015-0325-9.pdf</a:t>
            </a:r>
            <a:r>
              <a:rPr lang="en-HK" sz="1200" b="0" i="0">
                <a:effectLst/>
                <a:latin typeface="Muli"/>
              </a:rPr>
              <a:t> </a:t>
            </a:r>
          </a:p>
          <a:p>
            <a:pPr marL="171450" indent="-171450">
              <a:buFontTx/>
              <a:buChar char="-"/>
            </a:pPr>
            <a:r>
              <a:rPr lang="en-US" sz="1200">
                <a:latin typeface="Muli"/>
              </a:rPr>
              <a:t>Dynamic Modeling of a Fixed-Wing VTOL UAV</a:t>
            </a:r>
            <a:br>
              <a:rPr lang="en-US" sz="1200">
                <a:latin typeface="Muli"/>
              </a:rPr>
            </a:br>
            <a:r>
              <a:rPr lang="en-HK" sz="1200" b="0" i="0">
                <a:effectLst/>
                <a:latin typeface="Muli"/>
                <a:hlinkClick r:id="rId9"/>
              </a:rPr>
              <a:t>https://ieeexplore.ieee.org/stamp/stamp.jsp?tp=&amp;arnumber=6842289</a:t>
            </a:r>
            <a:r>
              <a:rPr lang="en-HK" sz="1200" b="0" i="0">
                <a:effectLst/>
                <a:latin typeface="Muli"/>
              </a:rPr>
              <a:t> </a:t>
            </a:r>
          </a:p>
          <a:p>
            <a:pPr marL="171450" indent="-171450">
              <a:buFontTx/>
              <a:buChar char="-"/>
            </a:pPr>
            <a:r>
              <a:rPr lang="en-US" sz="1200" b="0" i="0">
                <a:effectLst/>
                <a:latin typeface="Muli"/>
              </a:rPr>
              <a:t>Design and manufacture of </a:t>
            </a:r>
            <a:r>
              <a:rPr lang="en-US" sz="1200" b="0" i="0" err="1">
                <a:effectLst/>
                <a:latin typeface="Muli"/>
              </a:rPr>
              <a:t>umanned</a:t>
            </a:r>
            <a:r>
              <a:rPr lang="en-US" sz="1200" b="0" i="0">
                <a:effectLst/>
                <a:latin typeface="Muli"/>
              </a:rPr>
              <a:t> aerial vehicles(UAV) wing structure using composite materials </a:t>
            </a:r>
            <a:br>
              <a:rPr lang="en-US" sz="1200" b="0" i="0">
                <a:effectLst/>
                <a:latin typeface="Muli"/>
              </a:rPr>
            </a:br>
            <a:r>
              <a:rPr lang="en-HK" sz="1200" b="0" i="0">
                <a:effectLst/>
                <a:latin typeface="Muli"/>
                <a:hlinkClick r:id="rId10"/>
              </a:rPr>
              <a:t>https://onlinelibrary.wiley.com/doi/epdf/10.1002/mawe.201500351</a:t>
            </a:r>
            <a:r>
              <a:rPr lang="en-HK" sz="1200" b="0" i="0">
                <a:effectLst/>
                <a:latin typeface="Muli"/>
              </a:rPr>
              <a:t> </a:t>
            </a:r>
          </a:p>
          <a:p>
            <a:pPr marL="171450" indent="-171450">
              <a:buFontTx/>
              <a:buChar char="-"/>
            </a:pPr>
            <a:r>
              <a:rPr lang="en-HK" sz="1200" b="0" i="0">
                <a:effectLst/>
                <a:latin typeface="Muli"/>
              </a:rPr>
              <a:t>Construction Prototyping, Flight Dynamics </a:t>
            </a:r>
            <a:r>
              <a:rPr lang="en-HK" sz="1200" b="0" i="0" err="1">
                <a:effectLst/>
                <a:latin typeface="Muli"/>
              </a:rPr>
              <a:t>Modeling</a:t>
            </a:r>
            <a:r>
              <a:rPr lang="en-HK" sz="1200" b="0" i="0">
                <a:effectLst/>
                <a:latin typeface="Muli"/>
              </a:rPr>
              <a:t>, and Aerodynamic Analysis of Hybrid VTOL Unmanned Aircraft</a:t>
            </a:r>
            <a:br>
              <a:rPr lang="en-HK" sz="1200" b="0" i="0">
                <a:effectLst/>
                <a:latin typeface="Muli"/>
              </a:rPr>
            </a:br>
            <a:r>
              <a:rPr lang="en-HK" sz="1200" b="0" i="0">
                <a:effectLst/>
                <a:latin typeface="Muli"/>
                <a:hlinkClick r:id="rId11"/>
              </a:rPr>
              <a:t>https://downloads.hindawi.com/journals/jat/2018/7040531.pdf</a:t>
            </a:r>
            <a:r>
              <a:rPr lang="en-HK" sz="1200" b="0" i="0">
                <a:effectLst/>
                <a:latin typeface="Muli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748417056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2917832" y="1528648"/>
            <a:ext cx="3308335" cy="1043102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sz="6000">
                <a:solidFill>
                  <a:schemeClr val="bg1"/>
                </a:solidFill>
              </a:rPr>
              <a:t>Thank You</a:t>
            </a:r>
            <a:endParaRPr sz="6000">
              <a:solidFill>
                <a:schemeClr val="bg1"/>
              </a:solidFill>
            </a:endParaRPr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" name="Google Shape;244;p28">
            <a:extLst>
              <a:ext uri="{FF2B5EF4-FFF2-40B4-BE49-F238E27FC236}">
                <a16:creationId xmlns:a16="http://schemas.microsoft.com/office/drawing/2014/main" id="{44868692-3476-4C37-909E-0480D5D44F44}"/>
              </a:ext>
            </a:extLst>
          </p:cNvPr>
          <p:cNvSpPr/>
          <p:nvPr/>
        </p:nvSpPr>
        <p:spPr>
          <a:xfrm>
            <a:off x="-1480712" y="3678431"/>
            <a:ext cx="3010764" cy="1583080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68819497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3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9" name="Google Shape;359;p31"/>
          <p:cNvSpPr txBox="1">
            <a:spLocks noGrp="1"/>
          </p:cNvSpPr>
          <p:nvPr>
            <p:ph type="ctrTitle"/>
          </p:nvPr>
        </p:nvSpPr>
        <p:spPr>
          <a:xfrm>
            <a:off x="605842" y="2880025"/>
            <a:ext cx="4587664" cy="8373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Current progress</a:t>
            </a:r>
          </a:p>
        </p:txBody>
      </p:sp>
      <p:sp>
        <p:nvSpPr>
          <p:cNvPr id="361" name="Google Shape;361;p31"/>
          <p:cNvSpPr/>
          <p:nvPr/>
        </p:nvSpPr>
        <p:spPr>
          <a:xfrm>
            <a:off x="711596" y="917815"/>
            <a:ext cx="1445400" cy="1445400"/>
          </a:xfrm>
          <a:prstGeom prst="ellipse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62" name="Google Shape;362;p31"/>
          <p:cNvSpPr txBox="1">
            <a:spLocks noGrp="1"/>
          </p:cNvSpPr>
          <p:nvPr>
            <p:ph type="title" idx="2"/>
          </p:nvPr>
        </p:nvSpPr>
        <p:spPr>
          <a:xfrm>
            <a:off x="888146" y="1351615"/>
            <a:ext cx="10923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01</a:t>
            </a:r>
            <a:endParaRPr/>
          </a:p>
        </p:txBody>
      </p:sp>
      <p:sp>
        <p:nvSpPr>
          <p:cNvPr id="10" name="Google Shape;299;p29">
            <a:extLst>
              <a:ext uri="{FF2B5EF4-FFF2-40B4-BE49-F238E27FC236}">
                <a16:creationId xmlns:a16="http://schemas.microsoft.com/office/drawing/2014/main" id="{4FCAE60E-9FA2-40EF-991C-D42E08AFD781}"/>
              </a:ext>
            </a:extLst>
          </p:cNvPr>
          <p:cNvSpPr/>
          <p:nvPr/>
        </p:nvSpPr>
        <p:spPr>
          <a:xfrm rot="1078646" flipH="1">
            <a:off x="6402437" y="397425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sp>
        <p:nvSpPr>
          <p:cNvPr id="11" name="Google Shape;306;p29">
            <a:extLst>
              <a:ext uri="{FF2B5EF4-FFF2-40B4-BE49-F238E27FC236}">
                <a16:creationId xmlns:a16="http://schemas.microsoft.com/office/drawing/2014/main" id="{EE80D014-61F1-4A8D-84F4-8E8745470C75}"/>
              </a:ext>
            </a:extLst>
          </p:cNvPr>
          <p:cNvSpPr/>
          <p:nvPr/>
        </p:nvSpPr>
        <p:spPr>
          <a:xfrm rot="-1078646">
            <a:off x="-10288" y="403140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</p:spTree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8550419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Current progress: Building Skywalker X8 </a:t>
            </a:r>
            <a:endParaRPr/>
          </a:p>
        </p:txBody>
      </p:sp>
      <p:sp>
        <p:nvSpPr>
          <p:cNvPr id="299" name="Google Shape;299;p29"/>
          <p:cNvSpPr/>
          <p:nvPr/>
        </p:nvSpPr>
        <p:spPr>
          <a:xfrm rot="1078646" flipH="1">
            <a:off x="6402437" y="397425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sp>
        <p:nvSpPr>
          <p:cNvPr id="306" name="Google Shape;306;p29"/>
          <p:cNvSpPr/>
          <p:nvPr/>
        </p:nvSpPr>
        <p:spPr>
          <a:xfrm rot="-1078646">
            <a:off x="-10288" y="403140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4034C938-047A-4D81-A2F2-76DD51BCB15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3561" y="1537714"/>
            <a:ext cx="7707491" cy="33200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1188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8550419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Current progress: Building Skywalker X8 </a:t>
            </a:r>
            <a:endParaRPr/>
          </a:p>
        </p:txBody>
      </p:sp>
      <p:sp>
        <p:nvSpPr>
          <p:cNvPr id="299" name="Google Shape;299;p29"/>
          <p:cNvSpPr/>
          <p:nvPr/>
        </p:nvSpPr>
        <p:spPr>
          <a:xfrm rot="1078646" flipH="1">
            <a:off x="6402437" y="397425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sp>
        <p:nvSpPr>
          <p:cNvPr id="306" name="Google Shape;306;p29"/>
          <p:cNvSpPr/>
          <p:nvPr/>
        </p:nvSpPr>
        <p:spPr>
          <a:xfrm rot="-1078646">
            <a:off x="-10288" y="403140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BD4DD69D-7AB9-4DD9-88CA-E60246BCF17A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3577" t="2457" r="2400" b="10099"/>
          <a:stretch/>
        </p:blipFill>
        <p:spPr>
          <a:xfrm>
            <a:off x="7425185" y="981299"/>
            <a:ext cx="1439489" cy="1997457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EA39CAE5-0A76-4FAF-B7D5-058BF94612F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2228" t="14028" r="2786" b="1428"/>
          <a:stretch/>
        </p:blipFill>
        <p:spPr>
          <a:xfrm rot="16200000">
            <a:off x="5076583" y="2170860"/>
            <a:ext cx="2211781" cy="2933722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BBF1441D-BBEF-43B9-92FC-C871B87D26B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39674" y="1521739"/>
            <a:ext cx="3888757" cy="34688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3748337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8550419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Current progress: Building Skywalker X8 </a:t>
            </a:r>
            <a:endParaRPr/>
          </a:p>
        </p:txBody>
      </p:sp>
      <p:sp>
        <p:nvSpPr>
          <p:cNvPr id="299" name="Google Shape;299;p29"/>
          <p:cNvSpPr/>
          <p:nvPr/>
        </p:nvSpPr>
        <p:spPr>
          <a:xfrm rot="1078646" flipH="1">
            <a:off x="6402437" y="397425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sp>
        <p:nvSpPr>
          <p:cNvPr id="306" name="Google Shape;306;p29"/>
          <p:cNvSpPr/>
          <p:nvPr/>
        </p:nvSpPr>
        <p:spPr>
          <a:xfrm rot="-1078646">
            <a:off x="-10288" y="403140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B32B2E9-08AD-4BAC-9260-CE257369BF1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90909" y="1660668"/>
            <a:ext cx="4181091" cy="313581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48DCC713-6642-4402-AEEB-626D3272A157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5119" t="13008" r="11264" b="33398"/>
          <a:stretch/>
        </p:blipFill>
        <p:spPr>
          <a:xfrm>
            <a:off x="7159366" y="845212"/>
            <a:ext cx="1651435" cy="1603032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407A9085-6BE8-44DB-88F5-84E2B8FF8E4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682827" y="1646728"/>
            <a:ext cx="2365712" cy="31542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9929394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9" name="Google Shape;299;p29"/>
          <p:cNvSpPr/>
          <p:nvPr/>
        </p:nvSpPr>
        <p:spPr>
          <a:xfrm rot="1078646" flipH="1">
            <a:off x="6402437" y="397425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sp>
        <p:nvSpPr>
          <p:cNvPr id="306" name="Google Shape;306;p29"/>
          <p:cNvSpPr/>
          <p:nvPr/>
        </p:nvSpPr>
        <p:spPr>
          <a:xfrm rot="-1078646">
            <a:off x="-10288" y="403140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sp>
        <p:nvSpPr>
          <p:cNvPr id="8" name="Google Shape;298;p29">
            <a:extLst>
              <a:ext uri="{FF2B5EF4-FFF2-40B4-BE49-F238E27FC236}">
                <a16:creationId xmlns:a16="http://schemas.microsoft.com/office/drawing/2014/main" id="{9046F948-9F0A-41AA-BB73-A9D296B66A93}"/>
              </a:ext>
            </a:extLst>
          </p:cNvPr>
          <p:cNvSpPr txBox="1">
            <a:spLocks/>
          </p:cNvSpPr>
          <p:nvPr/>
        </p:nvSpPr>
        <p:spPr>
          <a:xfrm>
            <a:off x="120665" y="893006"/>
            <a:ext cx="8550419" cy="577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dvent Pro Medium"/>
              <a:buNone/>
              <a:defRPr sz="3000" b="0" i="0" u="none" strike="noStrike" cap="none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1pPr>
            <a:lvl2pPr marR="0" lvl="1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2pPr>
            <a:lvl3pPr marR="0" lvl="2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3pPr>
            <a:lvl4pPr marR="0" lvl="3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4pPr>
            <a:lvl5pPr marR="0" lvl="4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5pPr>
            <a:lvl6pPr marR="0" lvl="5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6pPr>
            <a:lvl7pPr marR="0" lvl="6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7pPr>
            <a:lvl8pPr marR="0" lvl="7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8pPr>
            <a:lvl9pPr marR="0" lvl="8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9pPr>
          </a:lstStyle>
          <a:p>
            <a:r>
              <a:rPr lang="en-US"/>
              <a:t>Current progress: CAD drawing of Skywalker X8 </a:t>
            </a:r>
          </a:p>
        </p:txBody>
      </p:sp>
      <p:pic>
        <p:nvPicPr>
          <p:cNvPr id="3" name="Picture 3" descr="A picture containing graphical user interface&#10;&#10;Description automatically generated">
            <a:extLst>
              <a:ext uri="{FF2B5EF4-FFF2-40B4-BE49-F238E27FC236}">
                <a16:creationId xmlns:a16="http://schemas.microsoft.com/office/drawing/2014/main" id="{F57516DE-08E0-4436-BC1F-0C23BE77B06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50420" y="1925709"/>
            <a:ext cx="2743200" cy="1983899"/>
          </a:xfrm>
          <a:prstGeom prst="rect">
            <a:avLst/>
          </a:prstGeom>
        </p:spPr>
      </p:pic>
      <p:pic>
        <p:nvPicPr>
          <p:cNvPr id="4" name="Picture 4" descr="Chart&#10;&#10;Description automatically generated">
            <a:extLst>
              <a:ext uri="{FF2B5EF4-FFF2-40B4-BE49-F238E27FC236}">
                <a16:creationId xmlns:a16="http://schemas.microsoft.com/office/drawing/2014/main" id="{EC8EBA9B-BB3E-4D43-9C85-6801D3A380A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388393" y="1799091"/>
            <a:ext cx="2743200" cy="2237134"/>
          </a:xfrm>
          <a:prstGeom prst="rect">
            <a:avLst/>
          </a:prstGeom>
        </p:spPr>
      </p:pic>
      <p:pic>
        <p:nvPicPr>
          <p:cNvPr id="5" name="Picture 5" descr="A picture containing graphical user interface&#10;&#10;Description automatically generated">
            <a:extLst>
              <a:ext uri="{FF2B5EF4-FFF2-40B4-BE49-F238E27FC236}">
                <a16:creationId xmlns:a16="http://schemas.microsoft.com/office/drawing/2014/main" id="{20ADF0B6-D750-48AD-9CB5-FF982005081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321091" y="2195485"/>
            <a:ext cx="2743200" cy="14443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4144453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9" name="Google Shape;299;p29"/>
          <p:cNvSpPr/>
          <p:nvPr/>
        </p:nvSpPr>
        <p:spPr>
          <a:xfrm rot="1078646" flipH="1">
            <a:off x="6402437" y="397425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sp>
        <p:nvSpPr>
          <p:cNvPr id="306" name="Google Shape;306;p29"/>
          <p:cNvSpPr/>
          <p:nvPr/>
        </p:nvSpPr>
        <p:spPr>
          <a:xfrm rot="-1078646">
            <a:off x="-10288" y="403140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sp>
        <p:nvSpPr>
          <p:cNvPr id="8" name="Google Shape;298;p29">
            <a:extLst>
              <a:ext uri="{FF2B5EF4-FFF2-40B4-BE49-F238E27FC236}">
                <a16:creationId xmlns:a16="http://schemas.microsoft.com/office/drawing/2014/main" id="{9046F948-9F0A-41AA-BB73-A9D296B66A93}"/>
              </a:ext>
            </a:extLst>
          </p:cNvPr>
          <p:cNvSpPr txBox="1">
            <a:spLocks/>
          </p:cNvSpPr>
          <p:nvPr/>
        </p:nvSpPr>
        <p:spPr>
          <a:xfrm>
            <a:off x="120665" y="893006"/>
            <a:ext cx="8550419" cy="577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dvent Pro Medium"/>
              <a:buNone/>
              <a:defRPr sz="3000" b="0" i="0" u="none" strike="noStrike" cap="none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1pPr>
            <a:lvl2pPr marR="0" lvl="1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2pPr>
            <a:lvl3pPr marR="0" lvl="2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3pPr>
            <a:lvl4pPr marR="0" lvl="3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4pPr>
            <a:lvl5pPr marR="0" lvl="4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5pPr>
            <a:lvl6pPr marR="0" lvl="5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6pPr>
            <a:lvl7pPr marR="0" lvl="6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7pPr>
            <a:lvl8pPr marR="0" lvl="7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8pPr>
            <a:lvl9pPr marR="0" lvl="8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9pPr>
          </a:lstStyle>
          <a:p>
            <a:r>
              <a:rPr lang="en-US"/>
              <a:t>Current progress: CAD drawing of Skywalker X8 </a:t>
            </a:r>
          </a:p>
        </p:txBody>
      </p:sp>
      <p:pic>
        <p:nvPicPr>
          <p:cNvPr id="2" name="Picture 2" descr="Chart, surface chart&#10;&#10;Description automatically generated">
            <a:extLst>
              <a:ext uri="{FF2B5EF4-FFF2-40B4-BE49-F238E27FC236}">
                <a16:creationId xmlns:a16="http://schemas.microsoft.com/office/drawing/2014/main" id="{9687F4DC-9145-427F-8D82-F38799250BB0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32603" t="13423" r="28614" b="463"/>
          <a:stretch/>
        </p:blipFill>
        <p:spPr>
          <a:xfrm>
            <a:off x="3335756" y="1893251"/>
            <a:ext cx="2124175" cy="1923882"/>
          </a:xfrm>
          <a:prstGeom prst="rect">
            <a:avLst/>
          </a:prstGeom>
        </p:spPr>
      </p:pic>
      <p:pic>
        <p:nvPicPr>
          <p:cNvPr id="3" name="Picture 3">
            <a:extLst>
              <a:ext uri="{FF2B5EF4-FFF2-40B4-BE49-F238E27FC236}">
                <a16:creationId xmlns:a16="http://schemas.microsoft.com/office/drawing/2014/main" id="{AEBC5784-EB44-49AE-A639-1C8411205305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31781" t="18196" r="26575" b="456"/>
          <a:stretch/>
        </p:blipFill>
        <p:spPr>
          <a:xfrm>
            <a:off x="478255" y="2029354"/>
            <a:ext cx="2285377" cy="1818193"/>
          </a:xfrm>
          <a:prstGeom prst="rect">
            <a:avLst/>
          </a:prstGeom>
        </p:spPr>
      </p:pic>
      <p:pic>
        <p:nvPicPr>
          <p:cNvPr id="4" name="Picture 4" descr="A picture containing knife&#10;&#10;Description automatically generated">
            <a:extLst>
              <a:ext uri="{FF2B5EF4-FFF2-40B4-BE49-F238E27FC236}">
                <a16:creationId xmlns:a16="http://schemas.microsoft.com/office/drawing/2014/main" id="{4918CFDD-793C-46D7-8562-355650EF0B4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050380" y="1680650"/>
            <a:ext cx="2743200" cy="25040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5402063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9" name="Google Shape;299;p29"/>
          <p:cNvSpPr/>
          <p:nvPr/>
        </p:nvSpPr>
        <p:spPr>
          <a:xfrm rot="1078646" flipH="1">
            <a:off x="6402437" y="397425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sp>
        <p:nvSpPr>
          <p:cNvPr id="306" name="Google Shape;306;p29"/>
          <p:cNvSpPr/>
          <p:nvPr/>
        </p:nvSpPr>
        <p:spPr>
          <a:xfrm rot="-1078646">
            <a:off x="-10288" y="403140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sp>
        <p:nvSpPr>
          <p:cNvPr id="8" name="Google Shape;298;p29">
            <a:extLst>
              <a:ext uri="{FF2B5EF4-FFF2-40B4-BE49-F238E27FC236}">
                <a16:creationId xmlns:a16="http://schemas.microsoft.com/office/drawing/2014/main" id="{9046F948-9F0A-41AA-BB73-A9D296B66A93}"/>
              </a:ext>
            </a:extLst>
          </p:cNvPr>
          <p:cNvSpPr txBox="1">
            <a:spLocks/>
          </p:cNvSpPr>
          <p:nvPr/>
        </p:nvSpPr>
        <p:spPr>
          <a:xfrm>
            <a:off x="120665" y="893006"/>
            <a:ext cx="8550419" cy="577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dvent Pro Medium"/>
              <a:buNone/>
              <a:defRPr sz="3000" b="0" i="0" u="none" strike="noStrike" cap="none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1pPr>
            <a:lvl2pPr marR="0" lvl="1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2pPr>
            <a:lvl3pPr marR="0" lvl="2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3pPr>
            <a:lvl4pPr marR="0" lvl="3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4pPr>
            <a:lvl5pPr marR="0" lvl="4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5pPr>
            <a:lvl6pPr marR="0" lvl="5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6pPr>
            <a:lvl7pPr marR="0" lvl="6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7pPr>
            <a:lvl8pPr marR="0" lvl="7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8pPr>
            <a:lvl9pPr marR="0" lvl="8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Font typeface="Advent Pro Medium"/>
              <a:buNone/>
              <a:defRPr sz="1800" b="0" i="0" u="none" strike="noStrike" cap="none">
                <a:solidFill>
                  <a:srgbClr val="D9D9D9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9pPr>
          </a:lstStyle>
          <a:p>
            <a:r>
              <a:rPr lang="en-US"/>
              <a:t>Current progress: CAD drawing of Skywalker X8 </a:t>
            </a:r>
          </a:p>
        </p:txBody>
      </p:sp>
      <p:pic>
        <p:nvPicPr>
          <p:cNvPr id="3" name="Picture 2" descr="Diagram, engineering drawing&#10;&#10;Description automatically generated">
            <a:extLst>
              <a:ext uri="{FF2B5EF4-FFF2-40B4-BE49-F238E27FC236}">
                <a16:creationId xmlns:a16="http://schemas.microsoft.com/office/drawing/2014/main" id="{3E561696-D5FE-494D-919B-95E158EFE99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40287" y="2225522"/>
            <a:ext cx="2520000" cy="1504534"/>
          </a:xfrm>
          <a:prstGeom prst="rect">
            <a:avLst/>
          </a:prstGeom>
        </p:spPr>
      </p:pic>
      <p:pic>
        <p:nvPicPr>
          <p:cNvPr id="5" name="Picture 4" descr="A picture containing weapon&#10;&#10;Description automatically generated">
            <a:extLst>
              <a:ext uri="{FF2B5EF4-FFF2-40B4-BE49-F238E27FC236}">
                <a16:creationId xmlns:a16="http://schemas.microsoft.com/office/drawing/2014/main" id="{EC275279-D3DF-4ADB-8BF6-5ADE8B35177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312000" y="2225522"/>
            <a:ext cx="2520000" cy="1504534"/>
          </a:xfrm>
          <a:prstGeom prst="rect">
            <a:avLst/>
          </a:prstGeom>
        </p:spPr>
      </p:pic>
      <p:pic>
        <p:nvPicPr>
          <p:cNvPr id="7" name="Picture 6" descr="A close-up of a shoe&#10;&#10;Description automatically generated with medium confidence">
            <a:extLst>
              <a:ext uri="{FF2B5EF4-FFF2-40B4-BE49-F238E27FC236}">
                <a16:creationId xmlns:a16="http://schemas.microsoft.com/office/drawing/2014/main" id="{146DD546-545C-445C-BBC8-587037719D5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239809" y="2225522"/>
            <a:ext cx="2520000" cy="15045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5628160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Aviation Consulting by Slidesgo">
  <a:themeElements>
    <a:clrScheme name="Simple Light">
      <a:dk1>
        <a:srgbClr val="1C4587"/>
      </a:dk1>
      <a:lt1>
        <a:srgbClr val="FFFFFF"/>
      </a:lt1>
      <a:dk2>
        <a:srgbClr val="595959"/>
      </a:dk2>
      <a:lt2>
        <a:srgbClr val="EEEEEE"/>
      </a:lt2>
      <a:accent1>
        <a:srgbClr val="F49968"/>
      </a:accent1>
      <a:accent2>
        <a:srgbClr val="C1E0FB"/>
      </a:accent2>
      <a:accent3>
        <a:srgbClr val="87B7FF"/>
      </a:accent3>
      <a:accent4>
        <a:srgbClr val="F5CEBA"/>
      </a:accent4>
      <a:accent5>
        <a:srgbClr val="F49968"/>
      </a:accent5>
      <a:accent6>
        <a:srgbClr val="C1E0FB"/>
      </a:accent6>
      <a:hlink>
        <a:srgbClr val="1C4587"/>
      </a:hlink>
      <a:folHlink>
        <a:srgbClr val="0097A7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>
  <a:themeElements>
    <a:clrScheme name="Default">
      <a:dk1>
        <a:srgbClr val="000000"/>
      </a:dk1>
      <a:lt1>
        <a:srgbClr val="FFFFFF"/>
      </a:lt1>
      <a:dk2>
        <a:srgbClr val="158158"/>
      </a:dk2>
      <a:lt2>
        <a:srgbClr val="F3F3F3"/>
      </a:lt2>
      <a:accent1>
        <a:srgbClr val="058DC7"/>
      </a:accent1>
      <a:accent2>
        <a:srgbClr val="50B432"/>
      </a:accent2>
      <a:accent3>
        <a:srgbClr val="ED561B"/>
      </a:accent3>
      <a:accent4>
        <a:srgbClr val="EDEF00"/>
      </a:accent4>
      <a:accent5>
        <a:srgbClr val="24CBE5"/>
      </a:accent5>
      <a:accent6>
        <a:srgbClr val="64E572"/>
      </a:accent6>
      <a:hlink>
        <a:srgbClr val="2200CC"/>
      </a:hlink>
      <a:folHlink>
        <a:srgbClr val="551A8B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81</Words>
  <Application>Microsoft Office PowerPoint</Application>
  <PresentationFormat>On-screen Show (16:9)</PresentationFormat>
  <Paragraphs>146</Paragraphs>
  <Slides>24</Slides>
  <Notes>24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4</vt:i4>
      </vt:variant>
    </vt:vector>
  </HeadingPairs>
  <TitlesOfParts>
    <vt:vector size="33" baseType="lpstr">
      <vt:lpstr>Advent Pro SemiBold</vt:lpstr>
      <vt:lpstr>Arial</vt:lpstr>
      <vt:lpstr>Fira Sans Condensed Medium</vt:lpstr>
      <vt:lpstr>Arial</vt:lpstr>
      <vt:lpstr>Muli</vt:lpstr>
      <vt:lpstr>Calibri</vt:lpstr>
      <vt:lpstr>Advent Pro Medium</vt:lpstr>
      <vt:lpstr>Fira Sans Extra Condensed Medium</vt:lpstr>
      <vt:lpstr>Aviation Consulting by Slidesgo</vt:lpstr>
      <vt:lpstr>ME FYP Progress Report</vt:lpstr>
      <vt:lpstr>Future plan</vt:lpstr>
      <vt:lpstr>Current progress</vt:lpstr>
      <vt:lpstr>Current progress: Building Skywalker X8 </vt:lpstr>
      <vt:lpstr>Current progress: Building Skywalker X8 </vt:lpstr>
      <vt:lpstr>Current progress: Building Skywalker X8 </vt:lpstr>
      <vt:lpstr>PowerPoint Presentation</vt:lpstr>
      <vt:lpstr>PowerPoint Presentation</vt:lpstr>
      <vt:lpstr>PowerPoint Presentation</vt:lpstr>
      <vt:lpstr>PowerPoint Presentation</vt:lpstr>
      <vt:lpstr>Future plan</vt:lpstr>
      <vt:lpstr>Stages of VTOL UAV Study:</vt:lpstr>
      <vt:lpstr>PowerPoint Presentation</vt:lpstr>
      <vt:lpstr>Gantt chart (from Oct 2021 to Feb 2022)</vt:lpstr>
      <vt:lpstr>Flow chart of manufacturing CF plane </vt:lpstr>
      <vt:lpstr>Flow chart of manufacturing CF plane </vt:lpstr>
      <vt:lpstr>Interim report</vt:lpstr>
      <vt:lpstr>Content</vt:lpstr>
      <vt:lpstr>Introduction</vt:lpstr>
      <vt:lpstr>Literature Review</vt:lpstr>
      <vt:lpstr>Methodology</vt:lpstr>
      <vt:lpstr>Project Planning</vt:lpstr>
      <vt:lpstr>References</vt:lpstr>
      <vt:lpstr>Thank You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E FYP Progress Report</dc:title>
  <cp:lastModifiedBy>CHEUNG, Hiu Ching Athena [Student]</cp:lastModifiedBy>
  <cp:revision>1</cp:revision>
  <dcterms:modified xsi:type="dcterms:W3CDTF">2021-12-16T06:03:14Z</dcterms:modified>
</cp:coreProperties>
</file>